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169\2021_03人口・労働統計課\01人口\02_人口統計\01_月報\令和3年5月1日現在\06_HP更新\"/>
    </mc:Choice>
  </mc:AlternateContent>
  <bookViews>
    <workbookView xWindow="8520" yWindow="-120" windowWidth="11625" windowHeight="8250" tabRatio="959"/>
  </bookViews>
  <sheets>
    <sheet name="1月中" sheetId="21183" r:id="rId1"/>
    <sheet name="2月中" sheetId="21184" r:id="rId2"/>
    <sheet name="3月中" sheetId="21185" r:id="rId3"/>
    <sheet name="4月中" sheetId="21186" r:id="rId4"/>
    <sheet name="5月中" sheetId="21187" r:id="rId5"/>
    <sheet name="6月中" sheetId="21188" r:id="rId6"/>
    <sheet name="7月中" sheetId="21189" r:id="rId7"/>
    <sheet name="8月中" sheetId="21190" r:id="rId8"/>
    <sheet name="9月中" sheetId="21191" r:id="rId9"/>
    <sheet name="10月中" sheetId="21192" r:id="rId10"/>
    <sheet name="11月中" sheetId="21193" r:id="rId11"/>
    <sheet name="12月中" sheetId="21194" r:id="rId12"/>
  </sheets>
  <externalReferences>
    <externalReference r:id="rId13"/>
    <externalReference r:id="rId14"/>
    <externalReference r:id="rId15"/>
    <externalReference r:id="rId16"/>
    <externalReference r:id="rId17"/>
    <externalReference r:id="rId18"/>
    <externalReference r:id="rId19"/>
  </externalReferences>
  <definedNames>
    <definedName name="_Order1">255</definedName>
    <definedName name="_xlnm.Print_Area" localSheetId="9">'10月中'!$B$1:$N$45</definedName>
    <definedName name="_xlnm.Print_Area" localSheetId="10">'11月中'!$B$1:$N$45</definedName>
    <definedName name="_xlnm.Print_Area" localSheetId="11">'12月中'!$B$1:$N$45</definedName>
    <definedName name="_xlnm.Print_Area" localSheetId="0">'1月中'!$B$1:$N$45</definedName>
    <definedName name="_xlnm.Print_Area" localSheetId="1">'2月中'!$B$1:$N$45</definedName>
    <definedName name="_xlnm.Print_Area" localSheetId="2">'3月中'!$B$1:$N$45</definedName>
    <definedName name="_xlnm.Print_Area" localSheetId="3">'4月中'!$B$1:$N$45</definedName>
    <definedName name="_xlnm.Print_Area" localSheetId="4">'5月中'!$B$1:$N$45</definedName>
    <definedName name="_xlnm.Print_Area" localSheetId="5">'6月中'!$B$1:$N$45</definedName>
    <definedName name="_xlnm.Print_Area" localSheetId="6">'7月中'!$B$1:$N$45</definedName>
    <definedName name="_xlnm.Print_Area" localSheetId="7">'8月中'!$B$1:$N$45</definedName>
    <definedName name="_xlnm.Print_Area" localSheetId="8">'9月中'!$B$1:$N$45</definedName>
    <definedName name="横浜市">#REF!</definedName>
    <definedName name="市名" localSheetId="9">[1]様式1!$X$6:$X$9</definedName>
    <definedName name="市名" localSheetId="10">[2]様式1!$X$6:$X$9</definedName>
    <definedName name="市名" localSheetId="11">[2]様式1!$X$6:$X$9</definedName>
    <definedName name="市名" localSheetId="2">[3]様式1!$X$6:$X$9</definedName>
    <definedName name="市名" localSheetId="3">[3]様式1!$X$6:$X$9</definedName>
    <definedName name="市名" localSheetId="4">[3]様式1!$X$6:$X$9</definedName>
    <definedName name="市名" localSheetId="5">[4]様式1!$X$6:$X$9</definedName>
    <definedName name="市名" localSheetId="6">[5]様式1!$X$6:$X$9</definedName>
    <definedName name="市名" localSheetId="7">[6]様式1!$X$6:$X$9</definedName>
    <definedName name="市名" localSheetId="8">[7]様式1!$X$6:$X$9</definedName>
    <definedName name="市名">#REF!</definedName>
    <definedName name="人口と世帯３" localSheetId="9">#REF!</definedName>
    <definedName name="人口と世帯３" localSheetId="10">#REF!</definedName>
    <definedName name="人口と世帯３" localSheetId="11">#REF!</definedName>
    <definedName name="人口と世帯３" localSheetId="2">#REF!</definedName>
    <definedName name="人口と世帯３" localSheetId="3">#REF!</definedName>
    <definedName name="人口と世帯３" localSheetId="4">#REF!</definedName>
    <definedName name="人口と世帯３" localSheetId="5">#REF!</definedName>
    <definedName name="人口と世帯３" localSheetId="6">#REF!</definedName>
    <definedName name="人口と世帯３" localSheetId="7">#REF!</definedName>
    <definedName name="人口と世帯３" localSheetId="8">#REF!</definedName>
    <definedName name="人口と世帯３">#REF!</definedName>
    <definedName name="川崎市">#REF!</definedName>
    <definedName name="相模原市">#REF!</definedName>
  </definedNames>
  <calcPr calcId="152511"/>
</workbook>
</file>

<file path=xl/sharedStrings.xml><?xml version="1.0" encoding="utf-8"?>
<sst xmlns="http://schemas.openxmlformats.org/spreadsheetml/2006/main" count="745" uniqueCount="88">
  <si>
    <t>人口総数に</t>
  </si>
  <si>
    <t>対する割合</t>
  </si>
  <si>
    <t>県計</t>
  </si>
  <si>
    <t>人</t>
  </si>
  <si>
    <t>市部計</t>
  </si>
  <si>
    <t>郡部計</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市町村</t>
  </si>
  <si>
    <t>出  生</t>
  </si>
  <si>
    <t>死  亡</t>
  </si>
  <si>
    <t>転  入</t>
  </si>
  <si>
    <t>転  出</t>
  </si>
  <si>
    <t>％</t>
  </si>
  <si>
    <t>葉山町</t>
  </si>
  <si>
    <t>寒川町</t>
  </si>
  <si>
    <t>大磯町</t>
  </si>
  <si>
    <t>二宮町</t>
  </si>
  <si>
    <t>中井町</t>
  </si>
  <si>
    <t>大井町</t>
  </si>
  <si>
    <t>松田町</t>
  </si>
  <si>
    <t>山北町</t>
  </si>
  <si>
    <t>開成町</t>
  </si>
  <si>
    <t>箱根町</t>
  </si>
  <si>
    <t>真鶴町</t>
  </si>
  <si>
    <t>湯河原町</t>
  </si>
  <si>
    <t>愛川町</t>
  </si>
  <si>
    <t>清川村</t>
  </si>
  <si>
    <t>女性100人に対</t>
    <rPh sb="1" eb="2">
      <t>セイ</t>
    </rPh>
    <rPh sb="7" eb="8">
      <t>タイ</t>
    </rPh>
    <phoneticPr fontId="7"/>
  </si>
  <si>
    <t>する男性の数</t>
    <rPh sb="3" eb="4">
      <t>セイ</t>
    </rPh>
    <rPh sb="5" eb="6">
      <t>カズ</t>
    </rPh>
    <phoneticPr fontId="7"/>
  </si>
  <si>
    <t>人口増減</t>
    <rPh sb="2" eb="4">
      <t>ゾウゲン</t>
    </rPh>
    <phoneticPr fontId="7"/>
  </si>
  <si>
    <t>自然増減</t>
    <phoneticPr fontId="7"/>
  </si>
  <si>
    <t>社会増減</t>
    <phoneticPr fontId="7"/>
  </si>
  <si>
    <t>対 前 月</t>
    <rPh sb="0" eb="1">
      <t>タイ</t>
    </rPh>
    <rPh sb="2" eb="3">
      <t>マエ</t>
    </rPh>
    <rPh sb="4" eb="5">
      <t>ツキ</t>
    </rPh>
    <phoneticPr fontId="7"/>
  </si>
  <si>
    <t>増 減 率</t>
    <rPh sb="0" eb="1">
      <t>ゾウ</t>
    </rPh>
    <rPh sb="2" eb="3">
      <t>ゲン</t>
    </rPh>
    <rPh sb="4" eb="5">
      <t>リツ</t>
    </rPh>
    <phoneticPr fontId="7"/>
  </si>
  <si>
    <t>（注２）転入及び転出その他は、住民基本台帳法施行令の規定により、職権で住民票へ記載された者又は住民票から消除された者の数です。</t>
    <rPh sb="4" eb="6">
      <t>テンニュウ</t>
    </rPh>
    <rPh sb="6" eb="7">
      <t>オヨ</t>
    </rPh>
    <rPh sb="8" eb="10">
      <t>テンシュツ</t>
    </rPh>
    <rPh sb="12" eb="13">
      <t>ホカ</t>
    </rPh>
    <rPh sb="15" eb="17">
      <t>ジュウミン</t>
    </rPh>
    <rPh sb="17" eb="19">
      <t>キホン</t>
    </rPh>
    <rPh sb="19" eb="21">
      <t>ダイチョウ</t>
    </rPh>
    <rPh sb="21" eb="22">
      <t>ホウ</t>
    </rPh>
    <rPh sb="22" eb="24">
      <t>セコウ</t>
    </rPh>
    <rPh sb="24" eb="25">
      <t>レイ</t>
    </rPh>
    <rPh sb="26" eb="28">
      <t>キテイ</t>
    </rPh>
    <rPh sb="32" eb="34">
      <t>ショッケン</t>
    </rPh>
    <rPh sb="35" eb="37">
      <t>ジュウミン</t>
    </rPh>
    <rPh sb="37" eb="38">
      <t>ヒョウ</t>
    </rPh>
    <rPh sb="39" eb="41">
      <t>キサイ</t>
    </rPh>
    <rPh sb="44" eb="45">
      <t>モノ</t>
    </rPh>
    <rPh sb="45" eb="46">
      <t>マタ</t>
    </rPh>
    <rPh sb="47" eb="49">
      <t>ジュウミン</t>
    </rPh>
    <rPh sb="49" eb="50">
      <t>ヒョウ</t>
    </rPh>
    <rPh sb="52" eb="53">
      <t>ケ</t>
    </rPh>
    <rPh sb="53" eb="54">
      <t>ジョ</t>
    </rPh>
    <rPh sb="57" eb="58">
      <t>モノ</t>
    </rPh>
    <rPh sb="59" eb="60">
      <t>カズ</t>
    </rPh>
    <phoneticPr fontId="8"/>
  </si>
  <si>
    <t>（注１）転入・転出者数は、県内市区町村間の移動を含みます。</t>
    <phoneticPr fontId="7"/>
  </si>
  <si>
    <t>平成30年1月中の人口異動等（市町村別）</t>
    <phoneticPr fontId="8"/>
  </si>
  <si>
    <t>自然増減</t>
    <phoneticPr fontId="7"/>
  </si>
  <si>
    <t>社会増減</t>
    <phoneticPr fontId="7"/>
  </si>
  <si>
    <t>（注１）転入・転出者数は、県内市区町村間の移動を含みます。</t>
  </si>
  <si>
    <t>（注２）転入及び転出その他は、住民基本台帳法施行令の規定により、職権で住民票へ記載された者又は住民票から消除された者の数です。</t>
    <rPh sb="4" eb="6">
      <t>テンニュウ</t>
    </rPh>
    <rPh sb="6" eb="7">
      <t>オヨ</t>
    </rPh>
    <rPh sb="8" eb="10">
      <t>テンシュツ</t>
    </rPh>
    <rPh sb="12" eb="13">
      <t>ホカ</t>
    </rPh>
    <rPh sb="15" eb="17">
      <t>ジュウミン</t>
    </rPh>
    <rPh sb="17" eb="19">
      <t>キホン</t>
    </rPh>
    <rPh sb="19" eb="21">
      <t>ダイチョウ</t>
    </rPh>
    <rPh sb="21" eb="22">
      <t>ホウ</t>
    </rPh>
    <rPh sb="22" eb="24">
      <t>セコウ</t>
    </rPh>
    <rPh sb="24" eb="25">
      <t>レイ</t>
    </rPh>
    <rPh sb="26" eb="28">
      <t>キテイ</t>
    </rPh>
    <rPh sb="32" eb="34">
      <t>ショッケン</t>
    </rPh>
    <rPh sb="35" eb="37">
      <t>ジュウミン</t>
    </rPh>
    <rPh sb="37" eb="38">
      <t>ヒョウ</t>
    </rPh>
    <rPh sb="39" eb="41">
      <t>キサイ</t>
    </rPh>
    <rPh sb="44" eb="45">
      <t>モノ</t>
    </rPh>
    <rPh sb="45" eb="46">
      <t>マタ</t>
    </rPh>
    <rPh sb="47" eb="49">
      <t>ジュウミン</t>
    </rPh>
    <rPh sb="49" eb="50">
      <t>ヒョウ</t>
    </rPh>
    <rPh sb="52" eb="53">
      <t>ケ</t>
    </rPh>
    <rPh sb="53" eb="54">
      <t>ジョ</t>
    </rPh>
    <rPh sb="57" eb="58">
      <t>モノ</t>
    </rPh>
    <rPh sb="59" eb="60">
      <t>カズ</t>
    </rPh>
    <phoneticPr fontId="12"/>
  </si>
  <si>
    <t>平成30年3月中の人口異動等（市町村別）</t>
  </si>
  <si>
    <t>（注１）転入・転出者数は、県内市区町村間の移動を含みます。</t>
    <phoneticPr fontId="7"/>
  </si>
  <si>
    <t>平成30年4月中の人口異動等（市町村別）</t>
    <phoneticPr fontId="19"/>
  </si>
  <si>
    <t>平成30年5月中の人口異動等（市町村別）</t>
  </si>
  <si>
    <t>自然増減</t>
    <phoneticPr fontId="7"/>
  </si>
  <si>
    <t>社会増減</t>
    <phoneticPr fontId="7"/>
  </si>
  <si>
    <t>（注１）転入・転出者数は、県内市区町村間の移動を含みます。</t>
    <phoneticPr fontId="7"/>
  </si>
  <si>
    <t>平成30年6月中の人口異動等（市町村別）</t>
  </si>
  <si>
    <t>社会増減</t>
    <phoneticPr fontId="7"/>
  </si>
  <si>
    <t>平成30年7月中の人口異動等（市町村別）</t>
  </si>
  <si>
    <t>自然増減</t>
    <phoneticPr fontId="7"/>
  </si>
  <si>
    <t>社会増減</t>
    <phoneticPr fontId="7"/>
  </si>
  <si>
    <t>（注２）転入及び転出欄のその他は、住民基本台帳法施行令の規定により、職権で住民票へ記載された者又は住民票から消除された者の数です。</t>
    <rPh sb="4" eb="6">
      <t>テンニュウ</t>
    </rPh>
    <rPh sb="6" eb="7">
      <t>オヨ</t>
    </rPh>
    <rPh sb="8" eb="10">
      <t>テンシュツ</t>
    </rPh>
    <rPh sb="10" eb="11">
      <t>ラン</t>
    </rPh>
    <rPh sb="14" eb="15">
      <t>ホカ</t>
    </rPh>
    <rPh sb="17" eb="19">
      <t>ジュウミン</t>
    </rPh>
    <rPh sb="19" eb="21">
      <t>キホン</t>
    </rPh>
    <rPh sb="21" eb="23">
      <t>ダイチョウ</t>
    </rPh>
    <rPh sb="23" eb="24">
      <t>ホウ</t>
    </rPh>
    <rPh sb="24" eb="26">
      <t>セコウ</t>
    </rPh>
    <rPh sb="26" eb="27">
      <t>レイ</t>
    </rPh>
    <rPh sb="28" eb="30">
      <t>キテイ</t>
    </rPh>
    <rPh sb="34" eb="36">
      <t>ショッケン</t>
    </rPh>
    <rPh sb="37" eb="39">
      <t>ジュウミン</t>
    </rPh>
    <rPh sb="39" eb="40">
      <t>ヒョウ</t>
    </rPh>
    <rPh sb="41" eb="43">
      <t>キサイ</t>
    </rPh>
    <rPh sb="46" eb="47">
      <t>モノ</t>
    </rPh>
    <rPh sb="47" eb="48">
      <t>マタ</t>
    </rPh>
    <rPh sb="49" eb="51">
      <t>ジュウミン</t>
    </rPh>
    <rPh sb="51" eb="52">
      <t>ヒョウ</t>
    </rPh>
    <rPh sb="54" eb="55">
      <t>ケ</t>
    </rPh>
    <rPh sb="55" eb="56">
      <t>ジョ</t>
    </rPh>
    <rPh sb="59" eb="60">
      <t>モノ</t>
    </rPh>
    <rPh sb="61" eb="62">
      <t>カズ</t>
    </rPh>
    <phoneticPr fontId="8"/>
  </si>
  <si>
    <t>平成30年8月中の人口異動等（市町村別）</t>
  </si>
  <si>
    <t>社会増減</t>
    <phoneticPr fontId="7"/>
  </si>
  <si>
    <t>（注１）転入・転出者数は、県内市区町村間の移動を含みます。</t>
    <phoneticPr fontId="7"/>
  </si>
  <si>
    <t>平成30年9月中の人口異動等（市町村別）</t>
  </si>
  <si>
    <t>自然増減</t>
    <phoneticPr fontId="7"/>
  </si>
  <si>
    <t>社会増減</t>
    <phoneticPr fontId="7"/>
  </si>
  <si>
    <t>（注１）転入・転出者数は、県内市区町村間の移動を含みます。</t>
    <phoneticPr fontId="7"/>
  </si>
  <si>
    <t>平成30年10月中の人口異動等（市町村別）</t>
  </si>
  <si>
    <t>社会増減</t>
    <phoneticPr fontId="7"/>
  </si>
  <si>
    <t>平成30年11月中の人口異動等（市町村別）</t>
  </si>
  <si>
    <t>自然増減</t>
    <phoneticPr fontId="7"/>
  </si>
  <si>
    <t>社会増減</t>
    <phoneticPr fontId="7"/>
  </si>
  <si>
    <t>平成30年12月中の人口異動等（市町村別）</t>
  </si>
  <si>
    <t>社会増減</t>
    <phoneticPr fontId="7"/>
  </si>
  <si>
    <t>平成30年2月中の人口異動等（市町村別）</t>
    <phoneticPr fontId="8"/>
  </si>
  <si>
    <t xml:space="preserve"> </t>
    <phoneticPr fontId="8"/>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_ ;[Red]\-#,##0\ "/>
    <numFmt numFmtId="177" formatCode="#,##0.00_ ;[Red]\-#,##0.00\ "/>
    <numFmt numFmtId="178" formatCode="0.0_ ;[Red]\-0.0\ "/>
    <numFmt numFmtId="179" formatCode="#,##0.0_ "/>
    <numFmt numFmtId="180" formatCode="#,##0_ "/>
    <numFmt numFmtId="181" formatCode="0.00_ ;[White]\-0.00\ "/>
    <numFmt numFmtId="182" formatCode="0.00_ ;\-0.00\ "/>
  </numFmts>
  <fonts count="24">
    <font>
      <sz val="11"/>
      <name val="明朝"/>
      <family val="1"/>
      <charset val="128"/>
    </font>
    <font>
      <sz val="12"/>
      <color theme="1"/>
      <name val="ＭＳ 明朝"/>
      <family val="2"/>
      <charset val="128"/>
    </font>
    <font>
      <sz val="11"/>
      <name val="明朝"/>
      <family val="1"/>
      <charset val="128"/>
    </font>
    <font>
      <sz val="14"/>
      <name val="Terminal"/>
      <family val="3"/>
      <charset val="255"/>
    </font>
    <font>
      <sz val="12"/>
      <name val="ＭＳ 明朝"/>
      <family val="1"/>
      <charset val="128"/>
    </font>
    <font>
      <sz val="10"/>
      <name val="明朝"/>
      <family val="1"/>
      <charset val="128"/>
    </font>
    <font>
      <sz val="20"/>
      <name val="明朝"/>
      <family val="1"/>
      <charset val="128"/>
    </font>
    <font>
      <sz val="6"/>
      <name val="ＭＳ Ｐ明朝"/>
      <family val="1"/>
      <charset val="128"/>
    </font>
    <font>
      <sz val="6"/>
      <name val="明朝"/>
      <family val="1"/>
      <charset val="128"/>
    </font>
    <font>
      <sz val="11"/>
      <name val="HGPｺﾞｼｯｸM"/>
      <family val="3"/>
      <charset val="128"/>
    </font>
    <font>
      <sz val="12"/>
      <name val="HGPｺﾞｼｯｸM"/>
      <family val="3"/>
      <charset val="128"/>
    </font>
    <font>
      <sz val="9"/>
      <name val="HGPｺﾞｼｯｸM"/>
      <family val="3"/>
      <charset val="128"/>
    </font>
    <font>
      <sz val="11"/>
      <name val="ＭＳ Ｐゴシック"/>
      <family val="3"/>
      <charset val="128"/>
    </font>
    <font>
      <sz val="11"/>
      <name val="HGPｺﾞｼｯｸE"/>
      <family val="3"/>
      <charset val="128"/>
    </font>
    <font>
      <sz val="11"/>
      <color theme="0"/>
      <name val="明朝"/>
      <family val="1"/>
      <charset val="128"/>
    </font>
    <font>
      <sz val="11"/>
      <color theme="0"/>
      <name val="HGPｺﾞｼｯｸM"/>
      <family val="3"/>
      <charset val="128"/>
    </font>
    <font>
      <sz val="20"/>
      <name val="HGPｺﾞｼｯｸM"/>
      <family val="3"/>
      <charset val="128"/>
    </font>
    <font>
      <b/>
      <sz val="11"/>
      <name val="HGPｺﾞｼｯｸM"/>
      <family val="3"/>
      <charset val="128"/>
    </font>
    <font>
      <sz val="11"/>
      <color theme="0"/>
      <name val="HGPｺﾞｼｯｸE"/>
      <family val="3"/>
      <charset val="128"/>
    </font>
    <font>
      <sz val="6"/>
      <name val="ＭＳ 明朝"/>
      <family val="2"/>
      <charset val="128"/>
    </font>
    <font>
      <sz val="8.5"/>
      <name val="HGPｺﾞｼｯｸE"/>
      <family val="3"/>
      <charset val="128"/>
    </font>
    <font>
      <sz val="10"/>
      <name val="HGPｺﾞｼｯｸE"/>
      <family val="3"/>
      <charset val="128"/>
    </font>
    <font>
      <sz val="9.5"/>
      <name val="HGPｺﾞｼｯｸM"/>
      <family val="3"/>
      <charset val="128"/>
    </font>
    <font>
      <sz val="13"/>
      <name val="HGPｺﾞｼｯｸM"/>
      <family val="3"/>
      <charset val="128"/>
    </font>
  </fonts>
  <fills count="5">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
      <patternFill patternType="solid">
        <fgColor theme="0"/>
        <bgColor indexed="64"/>
      </patternFill>
    </fill>
  </fills>
  <borders count="20">
    <border>
      <left/>
      <right/>
      <top/>
      <bottom/>
      <diagonal/>
    </border>
    <border>
      <left style="medium">
        <color indexed="54"/>
      </left>
      <right/>
      <top/>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right/>
      <top style="medium">
        <color indexed="64"/>
      </top>
      <bottom style="thin">
        <color indexed="64"/>
      </bottom>
      <diagonal/>
    </border>
    <border>
      <left/>
      <right/>
      <top/>
      <bottom style="medium">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
      <left style="medium">
        <color indexed="8"/>
      </left>
      <right style="thin">
        <color indexed="64"/>
      </right>
      <top style="medium">
        <color indexed="64"/>
      </top>
      <bottom/>
      <diagonal/>
    </border>
    <border>
      <left style="medium">
        <color indexed="8"/>
      </left>
      <right style="thin">
        <color indexed="64"/>
      </right>
      <top/>
      <bottom style="medium">
        <color indexed="64"/>
      </bottom>
      <diagonal/>
    </border>
    <border>
      <left style="thin">
        <color indexed="64"/>
      </left>
      <right style="thin">
        <color indexed="64"/>
      </right>
      <top/>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s>
  <cellStyleXfs count="9">
    <xf numFmtId="0" fontId="0" fillId="0" borderId="0"/>
    <xf numFmtId="37" fontId="3" fillId="0" borderId="0"/>
    <xf numFmtId="37" fontId="3" fillId="0" borderId="0"/>
    <xf numFmtId="0" fontId="12" fillId="0" borderId="0"/>
    <xf numFmtId="40" fontId="2" fillId="0" borderId="0" applyFont="0" applyFill="0" applyBorder="0" applyAlignment="0" applyProtection="0"/>
    <xf numFmtId="9" fontId="2" fillId="0" borderId="0" applyFont="0" applyFill="0" applyBorder="0" applyAlignment="0" applyProtection="0"/>
    <xf numFmtId="0" fontId="1" fillId="0" borderId="0">
      <alignment vertical="center"/>
    </xf>
    <xf numFmtId="38" fontId="2" fillId="0" borderId="0" applyFont="0" applyFill="0" applyBorder="0" applyAlignment="0" applyProtection="0"/>
    <xf numFmtId="0" fontId="4" fillId="0" borderId="0">
      <alignment vertical="center"/>
    </xf>
  </cellStyleXfs>
  <cellXfs count="170">
    <xf numFmtId="0" fontId="0" fillId="0" borderId="0" xfId="0"/>
    <xf numFmtId="37" fontId="2" fillId="0" borderId="0" xfId="2" applyFont="1"/>
    <xf numFmtId="37" fontId="2" fillId="0" borderId="1" xfId="2" applyFont="1" applyBorder="1"/>
    <xf numFmtId="37" fontId="2" fillId="0" borderId="0" xfId="2" applyFont="1" applyBorder="1"/>
    <xf numFmtId="37" fontId="2" fillId="0" borderId="0" xfId="2" applyFont="1" applyAlignment="1">
      <alignment horizontal="center" vertical="center"/>
    </xf>
    <xf numFmtId="37" fontId="9" fillId="0" borderId="0" xfId="2" applyFont="1"/>
    <xf numFmtId="37" fontId="2" fillId="2" borderId="3" xfId="2" applyFont="1" applyFill="1" applyBorder="1"/>
    <xf numFmtId="37" fontId="9" fillId="2" borderId="0" xfId="2" applyFont="1" applyFill="1" applyBorder="1" applyAlignment="1" applyProtection="1">
      <alignment horizontal="distributed" vertical="center"/>
    </xf>
    <xf numFmtId="180" fontId="9" fillId="2" borderId="3" xfId="1" applyNumberFormat="1" applyFont="1" applyFill="1" applyBorder="1" applyAlignment="1" applyProtection="1">
      <alignment vertical="center"/>
    </xf>
    <xf numFmtId="180" fontId="9" fillId="2" borderId="17" xfId="1" applyNumberFormat="1" applyFont="1" applyFill="1" applyBorder="1" applyAlignment="1" applyProtection="1">
      <alignment vertical="center"/>
    </xf>
    <xf numFmtId="179" fontId="9" fillId="2" borderId="17" xfId="1" applyNumberFormat="1" applyFont="1" applyFill="1" applyBorder="1" applyAlignment="1" applyProtection="1">
      <alignment vertical="center"/>
    </xf>
    <xf numFmtId="180" fontId="9" fillId="2" borderId="4" xfId="1" applyNumberFormat="1" applyFont="1" applyFill="1" applyBorder="1" applyAlignment="1" applyProtection="1">
      <alignment vertical="center"/>
    </xf>
    <xf numFmtId="180" fontId="9" fillId="2" borderId="19" xfId="1" applyNumberFormat="1" applyFont="1" applyFill="1" applyBorder="1" applyAlignment="1" applyProtection="1">
      <alignment vertical="center"/>
    </xf>
    <xf numFmtId="179" fontId="9" fillId="2" borderId="19" xfId="1" applyNumberFormat="1" applyFont="1" applyFill="1" applyBorder="1" applyAlignment="1" applyProtection="1">
      <alignment vertical="center"/>
    </xf>
    <xf numFmtId="37" fontId="2" fillId="0" borderId="0" xfId="2" applyFont="1" applyFill="1"/>
    <xf numFmtId="37" fontId="14" fillId="3" borderId="3" xfId="2" applyFont="1" applyFill="1" applyBorder="1"/>
    <xf numFmtId="37" fontId="15" fillId="3" borderId="0" xfId="2" applyFont="1" applyFill="1" applyBorder="1" applyAlignment="1" applyProtection="1">
      <alignment horizontal="distributed" vertical="center"/>
    </xf>
    <xf numFmtId="180" fontId="15" fillId="3" borderId="3" xfId="1" applyNumberFormat="1" applyFont="1" applyFill="1" applyBorder="1" applyAlignment="1" applyProtection="1">
      <alignment vertical="center"/>
    </xf>
    <xf numFmtId="180" fontId="15" fillId="3" borderId="17" xfId="1" applyNumberFormat="1" applyFont="1" applyFill="1" applyBorder="1" applyAlignment="1" applyProtection="1">
      <alignment vertical="center"/>
    </xf>
    <xf numFmtId="179" fontId="15" fillId="3" borderId="17" xfId="1" applyNumberFormat="1" applyFont="1" applyFill="1" applyBorder="1" applyAlignment="1" applyProtection="1">
      <alignment vertical="center"/>
    </xf>
    <xf numFmtId="37" fontId="18" fillId="3" borderId="0" xfId="2" applyFont="1" applyFill="1" applyBorder="1" applyAlignment="1" applyProtection="1">
      <alignment horizontal="distributed" vertical="center"/>
    </xf>
    <xf numFmtId="37" fontId="13" fillId="2" borderId="0" xfId="2" applyFont="1" applyFill="1" applyBorder="1" applyAlignment="1" applyProtection="1">
      <alignment horizontal="distributed" vertical="center"/>
    </xf>
    <xf numFmtId="179" fontId="15" fillId="3" borderId="13" xfId="1" applyNumberFormat="1" applyFont="1" applyFill="1" applyBorder="1" applyAlignment="1" applyProtection="1">
      <alignment vertical="center"/>
    </xf>
    <xf numFmtId="179" fontId="9" fillId="2" borderId="13" xfId="1" applyNumberFormat="1" applyFont="1" applyFill="1" applyBorder="1" applyAlignment="1" applyProtection="1">
      <alignment vertical="center"/>
    </xf>
    <xf numFmtId="179" fontId="9" fillId="2" borderId="14" xfId="1" applyNumberFormat="1" applyFont="1" applyFill="1" applyBorder="1" applyAlignment="1" applyProtection="1">
      <alignment vertical="center"/>
    </xf>
    <xf numFmtId="182" fontId="9" fillId="2" borderId="17" xfId="1" applyNumberFormat="1" applyFont="1" applyFill="1" applyBorder="1" applyAlignment="1" applyProtection="1">
      <alignment vertical="center"/>
    </xf>
    <xf numFmtId="182" fontId="9" fillId="2" borderId="19" xfId="1" applyNumberFormat="1" applyFont="1" applyFill="1" applyBorder="1" applyAlignment="1" applyProtection="1">
      <alignment vertical="center"/>
    </xf>
    <xf numFmtId="181" fontId="15" fillId="3" borderId="17" xfId="1" applyNumberFormat="1" applyFont="1" applyFill="1" applyBorder="1" applyAlignment="1" applyProtection="1">
      <alignment vertical="center"/>
    </xf>
    <xf numFmtId="0" fontId="9" fillId="4" borderId="0" xfId="0" applyFont="1" applyFill="1" applyAlignment="1">
      <alignment horizontal="centerContinuous"/>
    </xf>
    <xf numFmtId="37" fontId="6" fillId="4" borderId="0" xfId="2" applyFont="1" applyFill="1" applyAlignment="1" applyProtection="1">
      <alignment horizontal="center" vertical="center"/>
      <protection locked="0"/>
    </xf>
    <xf numFmtId="37" fontId="16" fillId="4" borderId="0" xfId="2" applyFont="1" applyFill="1" applyAlignment="1" applyProtection="1">
      <alignment horizontal="center" vertical="center"/>
      <protection locked="0"/>
    </xf>
    <xf numFmtId="37" fontId="2" fillId="4" borderId="0" xfId="2" applyFont="1" applyFill="1"/>
    <xf numFmtId="37" fontId="16" fillId="4" borderId="0" xfId="2" applyFont="1" applyFill="1" applyAlignment="1" applyProtection="1">
      <alignment horizontal="centerContinuous"/>
      <protection locked="0"/>
    </xf>
    <xf numFmtId="37" fontId="9" fillId="4" borderId="0" xfId="2" applyFont="1" applyFill="1" applyAlignment="1">
      <alignment horizontal="centerContinuous"/>
    </xf>
    <xf numFmtId="37" fontId="10" fillId="4" borderId="0" xfId="2" applyFont="1" applyFill="1" applyAlignment="1">
      <alignment horizontal="centerContinuous"/>
    </xf>
    <xf numFmtId="37" fontId="2" fillId="4" borderId="0" xfId="2" applyFont="1" applyFill="1" applyAlignment="1">
      <alignment horizontal="centerContinuous"/>
    </xf>
    <xf numFmtId="37" fontId="2" fillId="4" borderId="2" xfId="2" applyFont="1" applyFill="1" applyBorder="1" applyAlignment="1">
      <alignment vertical="center"/>
    </xf>
    <xf numFmtId="37" fontId="9" fillId="4" borderId="11" xfId="2" applyFont="1" applyFill="1" applyBorder="1" applyAlignment="1">
      <alignment vertical="center"/>
    </xf>
    <xf numFmtId="37" fontId="9" fillId="4" borderId="9" xfId="2" applyFont="1" applyFill="1" applyBorder="1" applyAlignment="1">
      <alignment horizontal="centerContinuous" vertical="center"/>
    </xf>
    <xf numFmtId="37" fontId="9" fillId="4" borderId="7" xfId="2" applyFont="1" applyFill="1" applyBorder="1" applyAlignment="1" applyProtection="1">
      <alignment horizontal="center" vertical="center"/>
    </xf>
    <xf numFmtId="37" fontId="11" fillId="4" borderId="7" xfId="2" applyFont="1" applyFill="1" applyBorder="1" applyAlignment="1" applyProtection="1">
      <alignment horizontal="center" vertical="center"/>
    </xf>
    <xf numFmtId="37" fontId="9" fillId="4" borderId="8" xfId="2" applyFont="1" applyFill="1" applyBorder="1" applyAlignment="1" applyProtection="1">
      <alignment horizontal="center" vertical="center"/>
    </xf>
    <xf numFmtId="37" fontId="2" fillId="4" borderId="4" xfId="2" applyFont="1" applyFill="1" applyBorder="1" applyAlignment="1">
      <alignment vertical="center"/>
    </xf>
    <xf numFmtId="37" fontId="9" fillId="4" borderId="10" xfId="2" applyFont="1" applyFill="1" applyBorder="1" applyAlignment="1" applyProtection="1">
      <alignment horizontal="distributed" vertical="center"/>
    </xf>
    <xf numFmtId="37" fontId="9" fillId="4" borderId="5" xfId="2" applyFont="1" applyFill="1" applyBorder="1" applyAlignment="1" applyProtection="1">
      <alignment horizontal="center" vertical="center"/>
    </xf>
    <xf numFmtId="37" fontId="11" fillId="4" borderId="5" xfId="2" applyFont="1" applyFill="1" applyBorder="1" applyAlignment="1" applyProtection="1">
      <alignment horizontal="center" vertical="center"/>
    </xf>
    <xf numFmtId="37" fontId="9" fillId="4" borderId="6" xfId="2" applyFont="1" applyFill="1" applyBorder="1" applyAlignment="1" applyProtection="1">
      <alignment horizontal="center" vertical="center"/>
    </xf>
    <xf numFmtId="37" fontId="2" fillId="4" borderId="3" xfId="2" applyFont="1" applyFill="1" applyBorder="1"/>
    <xf numFmtId="37" fontId="9" fillId="4" borderId="0" xfId="2" applyFont="1" applyFill="1" applyBorder="1" applyAlignment="1">
      <alignment horizontal="distributed"/>
    </xf>
    <xf numFmtId="37" fontId="9" fillId="4" borderId="2" xfId="2" applyFont="1" applyFill="1" applyBorder="1" applyAlignment="1" applyProtection="1">
      <alignment horizontal="right"/>
    </xf>
    <xf numFmtId="37" fontId="9" fillId="4" borderId="18" xfId="2" applyFont="1" applyFill="1" applyBorder="1" applyAlignment="1" applyProtection="1">
      <alignment horizontal="right"/>
    </xf>
    <xf numFmtId="37" fontId="9" fillId="4" borderId="12" xfId="2" applyFont="1" applyFill="1" applyBorder="1" applyAlignment="1" applyProtection="1">
      <alignment horizontal="right"/>
    </xf>
    <xf numFmtId="37" fontId="13" fillId="4" borderId="0" xfId="2" applyFont="1" applyFill="1" applyBorder="1" applyAlignment="1" applyProtection="1">
      <alignment horizontal="distributed" vertical="center"/>
    </xf>
    <xf numFmtId="37" fontId="9" fillId="4" borderId="0" xfId="2" applyFont="1" applyFill="1" applyBorder="1" applyAlignment="1" applyProtection="1">
      <alignment horizontal="distributed" vertical="center"/>
    </xf>
    <xf numFmtId="180" fontId="9" fillId="4" borderId="3" xfId="1" applyNumberFormat="1" applyFont="1" applyFill="1" applyBorder="1" applyAlignment="1" applyProtection="1">
      <alignment vertical="center"/>
    </xf>
    <xf numFmtId="180" fontId="9" fillId="4" borderId="17" xfId="1" applyNumberFormat="1" applyFont="1" applyFill="1" applyBorder="1" applyAlignment="1" applyProtection="1">
      <alignment vertical="center"/>
    </xf>
    <xf numFmtId="182" fontId="9" fillId="4" borderId="17" xfId="1" applyNumberFormat="1" applyFont="1" applyFill="1" applyBorder="1" applyAlignment="1" applyProtection="1">
      <alignment vertical="center"/>
    </xf>
    <xf numFmtId="179" fontId="9" fillId="4" borderId="17" xfId="1" applyNumberFormat="1" applyFont="1" applyFill="1" applyBorder="1" applyAlignment="1" applyProtection="1">
      <alignment vertical="center"/>
    </xf>
    <xf numFmtId="179" fontId="9" fillId="4" borderId="13" xfId="1" applyNumberFormat="1" applyFont="1" applyFill="1" applyBorder="1" applyAlignment="1" applyProtection="1">
      <alignment vertical="center"/>
    </xf>
    <xf numFmtId="37" fontId="13" fillId="4" borderId="0" xfId="2" applyFont="1" applyFill="1" applyBorder="1" applyAlignment="1">
      <alignment horizontal="distributed" vertical="center"/>
    </xf>
    <xf numFmtId="37" fontId="9" fillId="4" borderId="3" xfId="2" applyFont="1" applyFill="1" applyBorder="1"/>
    <xf numFmtId="37" fontId="9" fillId="4" borderId="17" xfId="2" applyFont="1" applyFill="1" applyBorder="1"/>
    <xf numFmtId="182" fontId="9" fillId="4" borderId="17" xfId="2" applyNumberFormat="1" applyFont="1" applyFill="1" applyBorder="1" applyAlignment="1">
      <alignment vertical="center"/>
    </xf>
    <xf numFmtId="179" fontId="9" fillId="4" borderId="17" xfId="2" applyNumberFormat="1" applyFont="1" applyFill="1" applyBorder="1" applyAlignment="1">
      <alignment vertical="center"/>
    </xf>
    <xf numFmtId="179" fontId="9" fillId="4" borderId="13" xfId="2" applyNumberFormat="1" applyFont="1" applyFill="1" applyBorder="1" applyAlignment="1">
      <alignment vertical="center"/>
    </xf>
    <xf numFmtId="37" fontId="2" fillId="4" borderId="11" xfId="2" applyFont="1" applyFill="1" applyBorder="1"/>
    <xf numFmtId="37" fontId="17" fillId="4" borderId="11" xfId="2" applyFont="1" applyFill="1" applyBorder="1" applyAlignment="1" applyProtection="1">
      <alignment horizontal="distributed" vertical="center"/>
    </xf>
    <xf numFmtId="37" fontId="9" fillId="4" borderId="11" xfId="2" applyFont="1" applyFill="1" applyBorder="1" applyAlignment="1" applyProtection="1">
      <alignment horizontal="distributed" vertical="center"/>
    </xf>
    <xf numFmtId="176" fontId="9" fillId="4" borderId="11" xfId="2" applyNumberFormat="1" applyFont="1" applyFill="1" applyBorder="1" applyAlignment="1" applyProtection="1">
      <alignment vertical="center"/>
    </xf>
    <xf numFmtId="177" fontId="9" fillId="4" borderId="11" xfId="2" applyNumberFormat="1" applyFont="1" applyFill="1" applyBorder="1" applyAlignment="1" applyProtection="1">
      <alignment vertical="center"/>
    </xf>
    <xf numFmtId="178" fontId="9" fillId="4" borderId="11" xfId="2" applyNumberFormat="1" applyFont="1" applyFill="1" applyBorder="1" applyAlignment="1" applyProtection="1">
      <alignment vertical="center"/>
    </xf>
    <xf numFmtId="178" fontId="2" fillId="4" borderId="11" xfId="2" applyNumberFormat="1" applyFont="1" applyFill="1" applyBorder="1" applyAlignment="1" applyProtection="1">
      <alignment vertical="center"/>
    </xf>
    <xf numFmtId="37" fontId="5" fillId="4" borderId="0" xfId="2" applyFont="1" applyFill="1" applyAlignment="1" applyProtection="1">
      <alignment horizontal="left"/>
    </xf>
    <xf numFmtId="0" fontId="9" fillId="4" borderId="0" xfId="0" applyFont="1" applyFill="1"/>
    <xf numFmtId="176" fontId="9" fillId="4" borderId="0" xfId="2" applyNumberFormat="1" applyFont="1" applyFill="1" applyBorder="1" applyAlignment="1" applyProtection="1">
      <alignment vertical="center"/>
    </xf>
    <xf numFmtId="177" fontId="9" fillId="4" borderId="0" xfId="2" applyNumberFormat="1" applyFont="1" applyFill="1" applyBorder="1" applyAlignment="1" applyProtection="1">
      <alignment vertical="center"/>
    </xf>
    <xf numFmtId="178" fontId="9" fillId="4" borderId="0" xfId="2" applyNumberFormat="1" applyFont="1" applyFill="1" applyBorder="1" applyAlignment="1" applyProtection="1">
      <alignment vertical="center"/>
    </xf>
    <xf numFmtId="178" fontId="2" fillId="4" borderId="0" xfId="2" applyNumberFormat="1" applyFont="1" applyFill="1" applyBorder="1" applyAlignment="1" applyProtection="1">
      <alignment vertical="center"/>
    </xf>
    <xf numFmtId="37" fontId="9" fillId="4" borderId="0" xfId="2" applyFont="1" applyFill="1"/>
    <xf numFmtId="37" fontId="9" fillId="4" borderId="11" xfId="2" applyFont="1" applyFill="1" applyBorder="1" applyAlignment="1" applyProtection="1">
      <alignment horizontal="distributed" vertical="center"/>
    </xf>
    <xf numFmtId="37" fontId="9" fillId="4" borderId="7" xfId="2" applyFont="1" applyFill="1" applyBorder="1" applyAlignment="1" applyProtection="1">
      <alignment horizontal="center" vertical="center"/>
    </xf>
    <xf numFmtId="37" fontId="9" fillId="4" borderId="5" xfId="2" applyFont="1" applyFill="1" applyBorder="1" applyAlignment="1" applyProtection="1">
      <alignment horizontal="center" vertical="center"/>
    </xf>
    <xf numFmtId="37" fontId="6" fillId="0" borderId="0" xfId="2" applyFont="1" applyAlignment="1" applyProtection="1">
      <alignment horizontal="center" vertical="center"/>
      <protection locked="0"/>
    </xf>
    <xf numFmtId="37" fontId="16" fillId="0" borderId="0" xfId="2" applyFont="1" applyAlignment="1" applyProtection="1">
      <alignment horizontal="center" vertical="center"/>
      <protection locked="0"/>
    </xf>
    <xf numFmtId="37" fontId="16" fillId="0" borderId="0" xfId="2" applyFont="1" applyAlignment="1" applyProtection="1">
      <alignment horizontal="centerContinuous"/>
      <protection locked="0"/>
    </xf>
    <xf numFmtId="0" fontId="9" fillId="0" borderId="0" xfId="0" applyFont="1" applyAlignment="1">
      <alignment horizontal="centerContinuous"/>
    </xf>
    <xf numFmtId="37" fontId="9" fillId="0" borderId="0" xfId="2" applyFont="1" applyAlignment="1">
      <alignment horizontal="centerContinuous"/>
    </xf>
    <xf numFmtId="37" fontId="10" fillId="0" borderId="0" xfId="2" applyFont="1" applyAlignment="1">
      <alignment horizontal="centerContinuous"/>
    </xf>
    <xf numFmtId="37" fontId="2" fillId="0" borderId="0" xfId="2" applyFont="1" applyAlignment="1">
      <alignment horizontal="centerContinuous"/>
    </xf>
    <xf numFmtId="37" fontId="2" fillId="0" borderId="2" xfId="2" applyFont="1" applyBorder="1" applyAlignment="1">
      <alignment vertical="center"/>
    </xf>
    <xf numFmtId="37" fontId="9" fillId="0" borderId="11" xfId="2" applyFont="1" applyBorder="1" applyAlignment="1">
      <alignment vertical="center"/>
    </xf>
    <xf numFmtId="37" fontId="9" fillId="0" borderId="9" xfId="2" applyFont="1" applyBorder="1" applyAlignment="1">
      <alignment horizontal="centerContinuous" vertical="center"/>
    </xf>
    <xf numFmtId="37" fontId="9" fillId="0" borderId="7" xfId="2" applyFont="1" applyBorder="1" applyAlignment="1" applyProtection="1">
      <alignment horizontal="center" vertical="center"/>
    </xf>
    <xf numFmtId="37" fontId="11" fillId="0" borderId="7" xfId="2" applyFont="1" applyBorder="1" applyAlignment="1" applyProtection="1">
      <alignment horizontal="center" vertical="center"/>
    </xf>
    <xf numFmtId="37" fontId="9" fillId="0" borderId="8" xfId="2" applyFont="1" applyBorder="1" applyAlignment="1" applyProtection="1">
      <alignment horizontal="center" vertical="center"/>
    </xf>
    <xf numFmtId="37" fontId="2" fillId="0" borderId="4" xfId="2" applyFont="1" applyBorder="1" applyAlignment="1">
      <alignment vertical="center"/>
    </xf>
    <xf numFmtId="37" fontId="9" fillId="0" borderId="10" xfId="2" applyFont="1" applyBorder="1" applyAlignment="1" applyProtection="1">
      <alignment horizontal="distributed" vertical="center"/>
    </xf>
    <xf numFmtId="37" fontId="9" fillId="0" borderId="5" xfId="2" applyFont="1" applyBorder="1" applyAlignment="1" applyProtection="1">
      <alignment horizontal="center" vertical="center"/>
    </xf>
    <xf numFmtId="37" fontId="11" fillId="0" borderId="5" xfId="2" applyFont="1" applyBorder="1" applyAlignment="1" applyProtection="1">
      <alignment horizontal="center" vertical="center"/>
    </xf>
    <xf numFmtId="37" fontId="9" fillId="0" borderId="6" xfId="2" applyFont="1" applyBorder="1" applyAlignment="1" applyProtection="1">
      <alignment horizontal="center" vertical="center"/>
    </xf>
    <xf numFmtId="37" fontId="2" fillId="0" borderId="3" xfId="2" applyFont="1" applyBorder="1"/>
    <xf numFmtId="37" fontId="9" fillId="0" borderId="0" xfId="2" applyFont="1" applyBorder="1" applyAlignment="1">
      <alignment horizontal="distributed"/>
    </xf>
    <xf numFmtId="37" fontId="9" fillId="0" borderId="2" xfId="2" applyFont="1" applyBorder="1" applyAlignment="1" applyProtection="1">
      <alignment horizontal="right"/>
    </xf>
    <xf numFmtId="37" fontId="9" fillId="0" borderId="18" xfId="2" applyFont="1" applyBorder="1" applyAlignment="1" applyProtection="1">
      <alignment horizontal="right"/>
    </xf>
    <xf numFmtId="37" fontId="9" fillId="0" borderId="12" xfId="2" applyFont="1" applyBorder="1" applyAlignment="1" applyProtection="1">
      <alignment horizontal="right"/>
    </xf>
    <xf numFmtId="37" fontId="13" fillId="0" borderId="0" xfId="2" applyFont="1" applyBorder="1" applyAlignment="1" applyProtection="1">
      <alignment horizontal="distributed" vertical="center"/>
    </xf>
    <xf numFmtId="37" fontId="9" fillId="0" borderId="0" xfId="2" applyFont="1" applyBorder="1" applyAlignment="1" applyProtection="1">
      <alignment horizontal="distributed" vertical="center"/>
    </xf>
    <xf numFmtId="180" fontId="9" fillId="0" borderId="3" xfId="1" applyNumberFormat="1" applyFont="1" applyBorder="1" applyAlignment="1" applyProtection="1">
      <alignment vertical="center"/>
    </xf>
    <xf numFmtId="180" fontId="9" fillId="0" borderId="17" xfId="1" applyNumberFormat="1" applyFont="1" applyBorder="1" applyAlignment="1" applyProtection="1">
      <alignment vertical="center"/>
    </xf>
    <xf numFmtId="182" fontId="9" fillId="0" borderId="17" xfId="1" applyNumberFormat="1" applyFont="1" applyBorder="1" applyAlignment="1" applyProtection="1">
      <alignment vertical="center"/>
    </xf>
    <xf numFmtId="179" fontId="9" fillId="0" borderId="17" xfId="1" applyNumberFormat="1" applyFont="1" applyBorder="1" applyAlignment="1" applyProtection="1">
      <alignment vertical="center"/>
    </xf>
    <xf numFmtId="179" fontId="9" fillId="0" borderId="13" xfId="1" applyNumberFormat="1" applyFont="1" applyBorder="1" applyAlignment="1" applyProtection="1">
      <alignment vertical="center"/>
    </xf>
    <xf numFmtId="37" fontId="13" fillId="0" borderId="0" xfId="2" applyFont="1" applyBorder="1" applyAlignment="1">
      <alignment horizontal="distributed" vertical="center"/>
    </xf>
    <xf numFmtId="37" fontId="9" fillId="0" borderId="3" xfId="2" applyFont="1" applyBorder="1"/>
    <xf numFmtId="37" fontId="9" fillId="0" borderId="17" xfId="2" applyFont="1" applyBorder="1"/>
    <xf numFmtId="182" fontId="9" fillId="0" borderId="17" xfId="2" applyNumberFormat="1" applyFont="1" applyBorder="1" applyAlignment="1">
      <alignment vertical="center"/>
    </xf>
    <xf numFmtId="179" fontId="9" fillId="0" borderId="17" xfId="2" applyNumberFormat="1" applyFont="1" applyBorder="1" applyAlignment="1">
      <alignment vertical="center"/>
    </xf>
    <xf numFmtId="179" fontId="9" fillId="0" borderId="13" xfId="2" applyNumberFormat="1" applyFont="1" applyBorder="1" applyAlignment="1">
      <alignment vertical="center"/>
    </xf>
    <xf numFmtId="37" fontId="2" fillId="0" borderId="11" xfId="2" applyFont="1" applyBorder="1"/>
    <xf numFmtId="37" fontId="17" fillId="0" borderId="11" xfId="2" applyFont="1" applyBorder="1" applyAlignment="1" applyProtection="1">
      <alignment horizontal="distributed" vertical="center"/>
    </xf>
    <xf numFmtId="37" fontId="9" fillId="0" borderId="11" xfId="2" applyFont="1" applyBorder="1" applyAlignment="1" applyProtection="1">
      <alignment horizontal="distributed" vertical="center"/>
    </xf>
    <xf numFmtId="176" fontId="9" fillId="0" borderId="11" xfId="2" applyNumberFormat="1" applyFont="1" applyBorder="1" applyAlignment="1" applyProtection="1">
      <alignment vertical="center"/>
    </xf>
    <xf numFmtId="177" fontId="9" fillId="0" borderId="11" xfId="2" applyNumberFormat="1" applyFont="1" applyBorder="1" applyAlignment="1" applyProtection="1">
      <alignment vertical="center"/>
    </xf>
    <xf numFmtId="178" fontId="9" fillId="0" borderId="11" xfId="2" applyNumberFormat="1" applyFont="1" applyBorder="1" applyAlignment="1" applyProtection="1">
      <alignment vertical="center"/>
    </xf>
    <xf numFmtId="178" fontId="2" fillId="0" borderId="11" xfId="2" applyNumberFormat="1" applyFont="1" applyBorder="1" applyAlignment="1" applyProtection="1">
      <alignment vertical="center"/>
    </xf>
    <xf numFmtId="37" fontId="5" fillId="0" borderId="0" xfId="2" applyFont="1" applyAlignment="1" applyProtection="1">
      <alignment horizontal="left"/>
    </xf>
    <xf numFmtId="0" fontId="9" fillId="0" borderId="0" xfId="0" applyFont="1"/>
    <xf numFmtId="176" fontId="9" fillId="0" borderId="0" xfId="2" applyNumberFormat="1" applyFont="1" applyBorder="1" applyAlignment="1" applyProtection="1">
      <alignment vertical="center"/>
    </xf>
    <xf numFmtId="177" fontId="9" fillId="0" borderId="0" xfId="2" applyNumberFormat="1" applyFont="1" applyBorder="1" applyAlignment="1" applyProtection="1">
      <alignment vertical="center"/>
    </xf>
    <xf numFmtId="178" fontId="9" fillId="0" borderId="0" xfId="2" applyNumberFormat="1" applyFont="1" applyBorder="1" applyAlignment="1" applyProtection="1">
      <alignment vertical="center"/>
    </xf>
    <xf numFmtId="178" fontId="2" fillId="0" borderId="0" xfId="2" applyNumberFormat="1" applyFont="1" applyBorder="1" applyAlignment="1" applyProtection="1">
      <alignment vertical="center"/>
    </xf>
    <xf numFmtId="37" fontId="13" fillId="0" borderId="11" xfId="2" applyFont="1" applyBorder="1" applyAlignment="1">
      <alignment vertical="center"/>
    </xf>
    <xf numFmtId="37" fontId="13" fillId="0" borderId="9" xfId="2" applyFont="1" applyBorder="1" applyAlignment="1">
      <alignment horizontal="centerContinuous" vertical="center"/>
    </xf>
    <xf numFmtId="37" fontId="13" fillId="0" borderId="7" xfId="2" applyFont="1" applyBorder="1" applyAlignment="1" applyProtection="1">
      <alignment horizontal="center" vertical="center"/>
    </xf>
    <xf numFmtId="37" fontId="20" fillId="0" borderId="7" xfId="2" applyFont="1" applyBorder="1" applyAlignment="1" applyProtection="1">
      <alignment horizontal="center" vertical="center"/>
    </xf>
    <xf numFmtId="37" fontId="21" fillId="0" borderId="8" xfId="2" applyFont="1" applyBorder="1" applyAlignment="1" applyProtection="1">
      <alignment horizontal="center" vertical="center"/>
    </xf>
    <xf numFmtId="37" fontId="13" fillId="0" borderId="10" xfId="2" applyFont="1" applyBorder="1" applyAlignment="1" applyProtection="1">
      <alignment horizontal="distributed" vertical="center"/>
    </xf>
    <xf numFmtId="37" fontId="13" fillId="0" borderId="5" xfId="2" applyFont="1" applyBorder="1" applyAlignment="1" applyProtection="1">
      <alignment horizontal="center" vertical="center"/>
    </xf>
    <xf numFmtId="37" fontId="20" fillId="0" borderId="5" xfId="2" applyFont="1" applyBorder="1" applyAlignment="1" applyProtection="1">
      <alignment horizontal="center" vertical="center"/>
    </xf>
    <xf numFmtId="37" fontId="21" fillId="0" borderId="6" xfId="2" applyFont="1" applyBorder="1" applyAlignment="1" applyProtection="1">
      <alignment horizontal="center" vertical="center"/>
    </xf>
    <xf numFmtId="181" fontId="15" fillId="3" borderId="17" xfId="1" applyNumberFormat="1" applyFont="1" applyFill="1" applyBorder="1" applyAlignment="1" applyProtection="1">
      <alignment vertical="center"/>
      <protection locked="0"/>
    </xf>
    <xf numFmtId="37" fontId="22" fillId="0" borderId="0" xfId="2" applyFont="1" applyAlignment="1" applyProtection="1">
      <alignment horizontal="left"/>
    </xf>
    <xf numFmtId="37" fontId="9" fillId="0" borderId="0" xfId="2" applyFont="1" applyBorder="1" applyAlignment="1">
      <alignment vertical="top"/>
    </xf>
    <xf numFmtId="37" fontId="9" fillId="0" borderId="0" xfId="2" applyFont="1" applyBorder="1"/>
    <xf numFmtId="0" fontId="9" fillId="0" borderId="0" xfId="0" applyFont="1" applyBorder="1" applyAlignment="1"/>
    <xf numFmtId="0" fontId="0" fillId="0" borderId="0" xfId="0" applyBorder="1" applyAlignment="1"/>
    <xf numFmtId="37" fontId="23" fillId="0" borderId="0" xfId="2" applyFont="1" applyBorder="1" applyAlignment="1">
      <alignment vertical="top"/>
    </xf>
    <xf numFmtId="37" fontId="2" fillId="0" borderId="0" xfId="2" applyFont="1" applyAlignment="1" applyProtection="1">
      <alignment horizontal="left"/>
    </xf>
    <xf numFmtId="37" fontId="23" fillId="0" borderId="0" xfId="2" applyFont="1" applyBorder="1" applyAlignment="1">
      <alignment vertical="center"/>
    </xf>
    <xf numFmtId="37" fontId="9" fillId="4" borderId="11" xfId="2" applyFont="1" applyFill="1" applyBorder="1" applyAlignment="1" applyProtection="1">
      <alignment horizontal="distributed" vertical="center"/>
    </xf>
    <xf numFmtId="0" fontId="9" fillId="4" borderId="10" xfId="0" applyFont="1" applyFill="1" applyBorder="1" applyAlignment="1">
      <alignment vertical="center"/>
    </xf>
    <xf numFmtId="37" fontId="9" fillId="4" borderId="15" xfId="2" applyFont="1" applyFill="1" applyBorder="1" applyAlignment="1" applyProtection="1">
      <alignment horizontal="center" vertical="center"/>
    </xf>
    <xf numFmtId="0" fontId="9" fillId="4" borderId="16" xfId="0" applyFont="1" applyFill="1" applyBorder="1" applyAlignment="1">
      <alignment vertical="center"/>
    </xf>
    <xf numFmtId="37" fontId="9" fillId="4" borderId="7" xfId="2" applyFont="1" applyFill="1" applyBorder="1" applyAlignment="1" applyProtection="1">
      <alignment horizontal="center" vertical="center"/>
    </xf>
    <xf numFmtId="37" fontId="9" fillId="4" borderId="5" xfId="2" applyFont="1" applyFill="1" applyBorder="1" applyAlignment="1" applyProtection="1">
      <alignment horizontal="center" vertical="center"/>
    </xf>
    <xf numFmtId="37" fontId="16" fillId="4" borderId="0" xfId="2" applyFont="1" applyFill="1" applyAlignment="1" applyProtection="1">
      <alignment horizontal="distributed" vertical="center"/>
      <protection locked="0"/>
    </xf>
    <xf numFmtId="37" fontId="16" fillId="0" borderId="0" xfId="2" applyFont="1" applyAlignment="1" applyProtection="1">
      <alignment horizontal="distributed" vertical="center"/>
      <protection locked="0"/>
    </xf>
    <xf numFmtId="37" fontId="9" fillId="0" borderId="11" xfId="2" applyFont="1" applyBorder="1" applyAlignment="1" applyProtection="1">
      <alignment horizontal="distributed" vertical="center"/>
    </xf>
    <xf numFmtId="0" fontId="9" fillId="0" borderId="10" xfId="0" applyFont="1" applyBorder="1" applyAlignment="1">
      <alignment vertical="center"/>
    </xf>
    <xf numFmtId="37" fontId="9" fillId="0" borderId="15" xfId="2" applyFont="1" applyBorder="1" applyAlignment="1" applyProtection="1">
      <alignment horizontal="center" vertical="center"/>
    </xf>
    <xf numFmtId="0" fontId="9" fillId="0" borderId="16" xfId="0" applyFont="1" applyBorder="1" applyAlignment="1">
      <alignment vertical="center"/>
    </xf>
    <xf numFmtId="37" fontId="9" fillId="0" borderId="7" xfId="2" applyFont="1" applyBorder="1" applyAlignment="1" applyProtection="1">
      <alignment horizontal="center" vertical="center"/>
    </xf>
    <xf numFmtId="37" fontId="9" fillId="0" borderId="5" xfId="2" applyFont="1" applyBorder="1" applyAlignment="1" applyProtection="1">
      <alignment horizontal="center" vertical="center"/>
    </xf>
    <xf numFmtId="0" fontId="9" fillId="0" borderId="0" xfId="0" applyFont="1" applyBorder="1" applyAlignment="1">
      <alignment horizontal="left"/>
    </xf>
    <xf numFmtId="37" fontId="13" fillId="0" borderId="11" xfId="2" applyFont="1" applyBorder="1" applyAlignment="1" applyProtection="1">
      <alignment horizontal="distributed" vertical="center"/>
    </xf>
    <xf numFmtId="0" fontId="13" fillId="0" borderId="10" xfId="0" applyFont="1" applyBorder="1" applyAlignment="1">
      <alignment vertical="center"/>
    </xf>
    <xf numFmtId="37" fontId="13" fillId="0" borderId="15" xfId="2" applyFont="1" applyBorder="1" applyAlignment="1" applyProtection="1">
      <alignment horizontal="center" vertical="center"/>
    </xf>
    <xf numFmtId="0" fontId="13" fillId="0" borderId="16" xfId="0" applyFont="1" applyBorder="1" applyAlignment="1">
      <alignment vertical="center"/>
    </xf>
    <xf numFmtId="37" fontId="13" fillId="0" borderId="7" xfId="2" applyFont="1" applyBorder="1" applyAlignment="1" applyProtection="1">
      <alignment horizontal="center" vertical="center"/>
    </xf>
    <xf numFmtId="37" fontId="13" fillId="0" borderId="5" xfId="2" applyFont="1" applyBorder="1" applyAlignment="1" applyProtection="1">
      <alignment horizontal="center" vertical="center"/>
    </xf>
  </cellXfs>
  <cellStyles count="9">
    <cellStyle name="パーセント 2" xfId="5"/>
    <cellStyle name="桁区切り [0.00] 2" xfId="4"/>
    <cellStyle name="桁区切り 2" xfId="7"/>
    <cellStyle name="標準" xfId="0" builtinId="0"/>
    <cellStyle name="標準 2" xfId="3"/>
    <cellStyle name="標準 2 2" xfId="8"/>
    <cellStyle name="標準 3" xfId="6"/>
    <cellStyle name="標準_月報１" xfId="1"/>
    <cellStyle name="標準_月報２" xfId="2"/>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7099CA"/>
      <color rgb="FF460A78"/>
      <color rgb="FF660FAD"/>
      <color rgb="FFFF2929"/>
      <color rgb="FFF5EAE3"/>
      <color rgb="FF0000CC"/>
      <color rgb="FFE1EBEB"/>
      <color rgb="FFFDE8D7"/>
      <color rgb="FF88A945"/>
      <color rgb="FFF68B3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externalLink" Target="externalLinks/externalLink6.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5.xml"/><Relationship Id="rId2" Type="http://schemas.openxmlformats.org/officeDocument/2006/relationships/worksheet" Target="worksheets/sheet2.xml"/><Relationship Id="rId16" Type="http://schemas.openxmlformats.org/officeDocument/2006/relationships/externalLink" Target="externalLinks/externalLink4.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externalLink" Target="externalLinks/externalLink7.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 Id="rId22"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11&#26376;1&#26085;&#29694;&#22312;/1126&#20462;&#27491;_&#9733;27&#24180;&#22269;&#35519;&#22522;&#28310;-&#20154;&#21475;&#38598;&#35336;&#12471;&#12473;&#12486;&#12512;ver3_1025.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12&#26376;1&#26085;&#29694;&#22312;/&#9733;27&#24180;&#22269;&#35519;&#22522;&#28310;-&#20154;&#21475;&#38598;&#35336;&#12471;&#12473;&#12486;&#12512;ver3.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4&#26376;1&#26085;&#29694;&#22312;/&#9733;27&#24180;&#22269;&#35519;&#22522;&#28310;-&#20154;&#21475;&#38598;&#35336;&#12471;&#12473;&#12486;&#12512;ver3.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H30_03&#20154;&#21475;&#12539;&#21172;&#20685;&#32113;&#35336;&#35506;\&#20154;&#21475;\02_&#20154;&#21475;&#32113;&#35336;\01&#26376;&#22577;\&#24179;&#25104;30&#24180;4&#26376;1&#26085;&#29694;&#22312;\&#9733;27&#24180;&#22269;&#35519;&#22522;&#28310;-&#20154;&#21475;&#38598;&#35336;&#12471;&#12473;&#12486;&#12512;ver3.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8&#26376;1&#26085;&#29694;&#22312;/&#9733;27&#24180;&#22269;&#35519;&#22522;&#28310;-&#20154;&#21475;&#38598;&#35336;&#12471;&#12473;&#12486;&#12512;ver3.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9&#26376;1&#26085;&#29694;&#22312;/&#9733;27&#24180;&#22269;&#35519;&#22522;&#28310;-&#20154;&#21475;&#38598;&#35336;&#12471;&#12473;&#12486;&#12512;ver3_0919.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30_03&#20154;&#21475;&#12539;&#21172;&#20685;&#32113;&#35336;&#35506;/&#20154;&#21475;/02_&#20154;&#21475;&#32113;&#35336;/01&#26376;&#22577;/&#24179;&#25104;30&#24180;10&#26376;1&#26085;&#29694;&#22312;/&#9733;27&#24180;&#22269;&#35519;&#22522;&#28310;-&#20154;&#21475;&#38598;&#35336;&#12471;&#12473;&#12486;&#12512;ver3_102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鶴見区"/>
      <sheetName val="神奈川区"/>
      <sheetName val="西区"/>
      <sheetName val="中区"/>
      <sheetName val="南区"/>
      <sheetName val="港南区"/>
      <sheetName val="保土ケ谷区"/>
      <sheetName val="旭区"/>
      <sheetName val="磯子区"/>
      <sheetName val="金沢区"/>
      <sheetName val="港北区"/>
      <sheetName val="緑区"/>
      <sheetName val="青葉区"/>
      <sheetName val="都筑区"/>
      <sheetName val="戸塚区"/>
      <sheetName val="栄区"/>
      <sheetName val="泉区"/>
      <sheetName val="瀬谷区"/>
      <sheetName val="川崎区"/>
      <sheetName val="幸区"/>
      <sheetName val="中原区"/>
      <sheetName val="高津区"/>
      <sheetName val="宮前区"/>
      <sheetName val="多摩区"/>
      <sheetName val="麻生区"/>
      <sheetName val="相模原市緑区"/>
      <sheetName val="相模原市中央区"/>
      <sheetName val="相模原市南区"/>
      <sheetName val="横須賀市"/>
      <sheetName val="平塚市"/>
      <sheetName val="鎌倉市"/>
      <sheetName val="藤沢市"/>
      <sheetName val="小田原市"/>
      <sheetName val="茅ヶ崎市"/>
      <sheetName val="逗子市"/>
      <sheetName val="三浦市"/>
      <sheetName val="秦野市"/>
      <sheetName val="厚木市"/>
      <sheetName val="大和市"/>
      <sheetName val="伊勢原市"/>
      <sheetName val="海老名市"/>
      <sheetName val="座間市"/>
      <sheetName val="南足柄市"/>
      <sheetName val="綾瀬市"/>
      <sheetName val="葉山町"/>
      <sheetName val="寒川町"/>
      <sheetName val="大磯町"/>
      <sheetName val="二宮町"/>
      <sheetName val="中井町"/>
      <sheetName val="大井町"/>
      <sheetName val="松田町"/>
      <sheetName val="山北町"/>
      <sheetName val="開成町"/>
      <sheetName val="箱根町"/>
      <sheetName val="真鶴町"/>
      <sheetName val="湯河原町"/>
      <sheetName val="愛川町"/>
      <sheetName val="清川村"/>
      <sheetName val="県計"/>
      <sheetName val="市部計"/>
      <sheetName val="郡部計"/>
      <sheetName val="横浜市"/>
      <sheetName val="川崎市"/>
      <sheetName val="相模原市"/>
      <sheetName val="中郡"/>
      <sheetName val="足柄上郡"/>
      <sheetName val="足柄下郡"/>
      <sheetName val="愛甲郡"/>
      <sheetName val="横須賀･三浦"/>
      <sheetName val="県央"/>
      <sheetName val="湘南"/>
      <sheetName val="県西"/>
      <sheetName val="様式1"/>
      <sheetName val="様式2"/>
      <sheetName val="月報（記者発表）"/>
      <sheetName val="月報1"/>
      <sheetName val="月報2"/>
      <sheetName val="月報3"/>
      <sheetName val="追加1"/>
      <sheetName val="追加2"/>
      <sheetName val="月報4"/>
      <sheetName val="記者発表添付資料"/>
      <sheetName val="人口と世帯"/>
      <sheetName val="人口異動"/>
      <sheetName val="行政C(人口と世帯)"/>
      <sheetName val="行政C(人口異動)"/>
      <sheetName val="参考資料"/>
      <sheetName val="データ比較用元データ"/>
      <sheetName val="ランキング"/>
      <sheetName val="グラフデータ"/>
      <sheetName val="市区町村面積リスト"/>
      <sheetName val="基本データ"/>
      <sheetName val="システムトッ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ow r="7">
          <cell r="X7" t="str">
            <v>横浜市</v>
          </cell>
        </row>
        <row r="8">
          <cell r="X8" t="str">
            <v>川崎市</v>
          </cell>
        </row>
        <row r="9">
          <cell r="X9" t="str">
            <v>相模原市</v>
          </cell>
        </row>
      </sheetData>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solidFill>
          <a:srgbClr val="FFFFFF"/>
        </a:solidFill>
        <a:ln w="9525" cap="flat" cmpd="sng" algn="ctr">
          <a:solidFill>
            <a:srgbClr val="000000"/>
          </a:solidFill>
          <a:prstDash val="solid"/>
          <a:round/>
          <a:headEnd type="none" w="med" len="med"/>
          <a:tailEnd type="none" w="med" len="med"/>
        </a:ln>
        <a:effectLst/>
      </a:spPr>
      <a:bodyPr/>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7"/>
  <dimension ref="A1:O45"/>
  <sheetViews>
    <sheetView tabSelected="1"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29"/>
      <c r="C1" s="30"/>
      <c r="D1" s="30"/>
      <c r="E1" s="155" t="s">
        <v>54</v>
      </c>
      <c r="F1" s="155"/>
      <c r="G1" s="155"/>
      <c r="H1" s="155"/>
      <c r="I1" s="155"/>
      <c r="J1" s="155"/>
      <c r="K1" s="155"/>
      <c r="L1" s="155"/>
      <c r="M1" s="155"/>
      <c r="N1" s="29"/>
    </row>
    <row r="2" spans="2:15" ht="11.25" customHeight="1" thickBot="1">
      <c r="B2" s="31"/>
      <c r="C2" s="32"/>
      <c r="D2" s="32"/>
      <c r="E2" s="28"/>
      <c r="F2" s="33"/>
      <c r="G2" s="28"/>
      <c r="H2" s="28"/>
      <c r="I2" s="28"/>
      <c r="J2" s="33"/>
      <c r="K2" s="34"/>
      <c r="L2" s="33"/>
      <c r="M2" s="33"/>
      <c r="N2" s="35"/>
    </row>
    <row r="3" spans="2:15" ht="18" customHeight="1">
      <c r="B3" s="36"/>
      <c r="C3" s="149" t="s">
        <v>25</v>
      </c>
      <c r="D3" s="37"/>
      <c r="E3" s="151" t="s">
        <v>47</v>
      </c>
      <c r="F3" s="153" t="s">
        <v>48</v>
      </c>
      <c r="G3" s="38"/>
      <c r="H3" s="38"/>
      <c r="I3" s="153" t="s">
        <v>49</v>
      </c>
      <c r="J3" s="38"/>
      <c r="K3" s="38"/>
      <c r="L3" s="39" t="s">
        <v>50</v>
      </c>
      <c r="M3" s="40" t="s">
        <v>45</v>
      </c>
      <c r="N3" s="41" t="s">
        <v>0</v>
      </c>
      <c r="O3" s="2"/>
    </row>
    <row r="4" spans="2:15" ht="18" customHeight="1" thickBot="1">
      <c r="B4" s="42"/>
      <c r="C4" s="150"/>
      <c r="D4" s="43"/>
      <c r="E4" s="152"/>
      <c r="F4" s="154"/>
      <c r="G4" s="44" t="s">
        <v>26</v>
      </c>
      <c r="H4" s="44" t="s">
        <v>27</v>
      </c>
      <c r="I4" s="154"/>
      <c r="J4" s="44" t="s">
        <v>28</v>
      </c>
      <c r="K4" s="44" t="s">
        <v>29</v>
      </c>
      <c r="L4" s="44" t="s">
        <v>51</v>
      </c>
      <c r="M4" s="45" t="s">
        <v>46</v>
      </c>
      <c r="N4" s="46" t="s">
        <v>1</v>
      </c>
      <c r="O4" s="2"/>
    </row>
    <row r="5" spans="2:15" ht="18" customHeight="1">
      <c r="B5" s="47"/>
      <c r="C5" s="48"/>
      <c r="D5" s="48"/>
      <c r="E5" s="49" t="s">
        <v>3</v>
      </c>
      <c r="F5" s="50" t="s">
        <v>3</v>
      </c>
      <c r="G5" s="50" t="s">
        <v>3</v>
      </c>
      <c r="H5" s="50" t="s">
        <v>3</v>
      </c>
      <c r="I5" s="50" t="s">
        <v>3</v>
      </c>
      <c r="J5" s="50" t="s">
        <v>3</v>
      </c>
      <c r="K5" s="50" t="s">
        <v>3</v>
      </c>
      <c r="L5" s="50" t="s">
        <v>30</v>
      </c>
      <c r="M5" s="50"/>
      <c r="N5" s="51" t="s">
        <v>30</v>
      </c>
      <c r="O5" s="3"/>
    </row>
    <row r="6" spans="2:15" ht="18.95" customHeight="1">
      <c r="B6" s="15"/>
      <c r="C6" s="20" t="s">
        <v>2</v>
      </c>
      <c r="D6" s="16"/>
      <c r="E6" s="17">
        <v>-2867</v>
      </c>
      <c r="F6" s="18">
        <v>-2642</v>
      </c>
      <c r="G6" s="18">
        <v>6106</v>
      </c>
      <c r="H6" s="18">
        <v>8748</v>
      </c>
      <c r="I6" s="18">
        <v>-225</v>
      </c>
      <c r="J6" s="18">
        <v>32233</v>
      </c>
      <c r="K6" s="18">
        <v>32458</v>
      </c>
      <c r="L6" s="27">
        <v>-3.1287926516261264E-2</v>
      </c>
      <c r="M6" s="19">
        <v>99.5</v>
      </c>
      <c r="N6" s="22">
        <v>100</v>
      </c>
      <c r="O6" s="3"/>
    </row>
    <row r="7" spans="2:15" ht="18.95" customHeight="1">
      <c r="B7" s="47"/>
      <c r="C7" s="52" t="s">
        <v>4</v>
      </c>
      <c r="D7" s="53"/>
      <c r="E7" s="54">
        <v>-2572</v>
      </c>
      <c r="F7" s="55">
        <v>-2399</v>
      </c>
      <c r="G7" s="55">
        <v>5966</v>
      </c>
      <c r="H7" s="55">
        <v>8365</v>
      </c>
      <c r="I7" s="55">
        <v>-173</v>
      </c>
      <c r="J7" s="55">
        <v>31386</v>
      </c>
      <c r="K7" s="55">
        <v>31559</v>
      </c>
      <c r="L7" s="56">
        <v>-2.898877744339496E-2</v>
      </c>
      <c r="M7" s="57">
        <v>99.6</v>
      </c>
      <c r="N7" s="58">
        <v>96.8</v>
      </c>
      <c r="O7" s="3"/>
    </row>
    <row r="8" spans="2:15" ht="18.95" customHeight="1">
      <c r="B8" s="47"/>
      <c r="C8" s="52" t="s">
        <v>5</v>
      </c>
      <c r="D8" s="53"/>
      <c r="E8" s="54">
        <v>-295</v>
      </c>
      <c r="F8" s="55">
        <v>-243</v>
      </c>
      <c r="G8" s="55">
        <v>140</v>
      </c>
      <c r="H8" s="55">
        <v>383</v>
      </c>
      <c r="I8" s="55">
        <v>-52</v>
      </c>
      <c r="J8" s="55">
        <v>847</v>
      </c>
      <c r="K8" s="55">
        <v>899</v>
      </c>
      <c r="L8" s="56">
        <v>-0.10141639163916392</v>
      </c>
      <c r="M8" s="57">
        <v>96.9</v>
      </c>
      <c r="N8" s="58">
        <v>3.2</v>
      </c>
      <c r="O8" s="3"/>
    </row>
    <row r="9" spans="2:15" ht="18.95" customHeight="1">
      <c r="B9" s="47"/>
      <c r="C9" s="59"/>
      <c r="D9" s="53"/>
      <c r="E9" s="60"/>
      <c r="F9" s="61"/>
      <c r="G9" s="61"/>
      <c r="H9" s="61"/>
      <c r="I9" s="61"/>
      <c r="J9" s="61"/>
      <c r="K9" s="61"/>
      <c r="L9" s="62"/>
      <c r="M9" s="63"/>
      <c r="N9" s="64"/>
      <c r="O9" s="3"/>
    </row>
    <row r="10" spans="2:15" ht="18.95" customHeight="1">
      <c r="B10" s="6"/>
      <c r="C10" s="21" t="s">
        <v>6</v>
      </c>
      <c r="D10" s="7"/>
      <c r="E10" s="8">
        <v>-1419</v>
      </c>
      <c r="F10" s="9">
        <v>-1203</v>
      </c>
      <c r="G10" s="9">
        <v>2397</v>
      </c>
      <c r="H10" s="9">
        <v>3600</v>
      </c>
      <c r="I10" s="9">
        <v>-216</v>
      </c>
      <c r="J10" s="9">
        <v>14310</v>
      </c>
      <c r="K10" s="9">
        <v>14526</v>
      </c>
      <c r="L10" s="25">
        <v>-3.8011467194416199E-2</v>
      </c>
      <c r="M10" s="10">
        <v>98.9</v>
      </c>
      <c r="N10" s="23">
        <v>40.700000000000003</v>
      </c>
      <c r="O10" s="3"/>
    </row>
    <row r="11" spans="2:15" ht="18.95" customHeight="1">
      <c r="B11" s="47"/>
      <c r="C11" s="52" t="s">
        <v>7</v>
      </c>
      <c r="D11" s="53"/>
      <c r="E11" s="54">
        <v>227</v>
      </c>
      <c r="F11" s="55">
        <v>100</v>
      </c>
      <c r="G11" s="55">
        <v>1275</v>
      </c>
      <c r="H11" s="55">
        <v>1175</v>
      </c>
      <c r="I11" s="55">
        <v>127</v>
      </c>
      <c r="J11" s="55">
        <v>6953</v>
      </c>
      <c r="K11" s="55">
        <v>6826</v>
      </c>
      <c r="L11" s="56">
        <v>1.5079479485597104E-2</v>
      </c>
      <c r="M11" s="57">
        <v>102.7</v>
      </c>
      <c r="N11" s="58">
        <v>16.399999999999999</v>
      </c>
      <c r="O11" s="3"/>
    </row>
    <row r="12" spans="2:15" ht="18.95" customHeight="1">
      <c r="B12" s="6"/>
      <c r="C12" s="21" t="s">
        <v>15</v>
      </c>
      <c r="D12" s="7"/>
      <c r="E12" s="8">
        <v>-258</v>
      </c>
      <c r="F12" s="9">
        <v>-179</v>
      </c>
      <c r="G12" s="9">
        <v>490</v>
      </c>
      <c r="H12" s="9">
        <v>669</v>
      </c>
      <c r="I12" s="9">
        <v>-79</v>
      </c>
      <c r="J12" s="9">
        <v>2328</v>
      </c>
      <c r="K12" s="9">
        <v>2407</v>
      </c>
      <c r="L12" s="25">
        <v>-3.57000531349628E-2</v>
      </c>
      <c r="M12" s="10">
        <v>100.3</v>
      </c>
      <c r="N12" s="23">
        <v>7.9</v>
      </c>
      <c r="O12" s="3"/>
    </row>
    <row r="13" spans="2:15" ht="18.95" customHeight="1">
      <c r="B13" s="47"/>
      <c r="C13" s="52" t="s">
        <v>8</v>
      </c>
      <c r="D13" s="53"/>
      <c r="E13" s="54">
        <v>-376</v>
      </c>
      <c r="F13" s="55">
        <v>-284</v>
      </c>
      <c r="G13" s="55">
        <v>243</v>
      </c>
      <c r="H13" s="55">
        <v>527</v>
      </c>
      <c r="I13" s="55">
        <v>-92</v>
      </c>
      <c r="J13" s="55">
        <v>734</v>
      </c>
      <c r="K13" s="55">
        <v>826</v>
      </c>
      <c r="L13" s="56">
        <v>-9.3948093678242764E-2</v>
      </c>
      <c r="M13" s="57">
        <v>99.5</v>
      </c>
      <c r="N13" s="58">
        <v>4.4000000000000004</v>
      </c>
      <c r="O13" s="3"/>
    </row>
    <row r="14" spans="2:15" ht="18.95" customHeight="1">
      <c r="B14" s="6"/>
      <c r="C14" s="21" t="s">
        <v>9</v>
      </c>
      <c r="D14" s="7"/>
      <c r="E14" s="8">
        <v>-192</v>
      </c>
      <c r="F14" s="9">
        <v>-115</v>
      </c>
      <c r="G14" s="9">
        <v>143</v>
      </c>
      <c r="H14" s="9">
        <v>258</v>
      </c>
      <c r="I14" s="9">
        <v>-77</v>
      </c>
      <c r="J14" s="9">
        <v>592</v>
      </c>
      <c r="K14" s="9">
        <v>669</v>
      </c>
      <c r="L14" s="25">
        <v>-7.4308869460215726E-2</v>
      </c>
      <c r="M14" s="10">
        <v>100.5</v>
      </c>
      <c r="N14" s="23">
        <v>2.8</v>
      </c>
      <c r="O14" s="3"/>
    </row>
    <row r="15" spans="2:15" ht="18.95" customHeight="1">
      <c r="B15" s="47"/>
      <c r="C15" s="52" t="s">
        <v>10</v>
      </c>
      <c r="D15" s="53"/>
      <c r="E15" s="54">
        <v>-57</v>
      </c>
      <c r="F15" s="55">
        <v>-105</v>
      </c>
      <c r="G15" s="55">
        <v>88</v>
      </c>
      <c r="H15" s="55">
        <v>193</v>
      </c>
      <c r="I15" s="55">
        <v>48</v>
      </c>
      <c r="J15" s="55">
        <v>513</v>
      </c>
      <c r="K15" s="55">
        <v>465</v>
      </c>
      <c r="L15" s="56">
        <v>-3.3114698859576248E-2</v>
      </c>
      <c r="M15" s="57">
        <v>89.2</v>
      </c>
      <c r="N15" s="58">
        <v>1.9</v>
      </c>
      <c r="O15" s="3"/>
    </row>
    <row r="16" spans="2:15" ht="18.95" customHeight="1">
      <c r="B16" s="6"/>
      <c r="C16" s="21" t="s">
        <v>11</v>
      </c>
      <c r="D16" s="7"/>
      <c r="E16" s="8">
        <v>-44</v>
      </c>
      <c r="F16" s="9">
        <v>-85</v>
      </c>
      <c r="G16" s="9">
        <v>293</v>
      </c>
      <c r="H16" s="9">
        <v>378</v>
      </c>
      <c r="I16" s="9">
        <v>41</v>
      </c>
      <c r="J16" s="9">
        <v>1207</v>
      </c>
      <c r="K16" s="9">
        <v>1166</v>
      </c>
      <c r="L16" s="25">
        <v>-1.0250460688318435E-2</v>
      </c>
      <c r="M16" s="10">
        <v>97.9</v>
      </c>
      <c r="N16" s="23">
        <v>4.7</v>
      </c>
      <c r="O16" s="3"/>
    </row>
    <row r="17" spans="2:15" ht="18.95" customHeight="1">
      <c r="B17" s="47"/>
      <c r="C17" s="52" t="s">
        <v>12</v>
      </c>
      <c r="D17" s="53"/>
      <c r="E17" s="54">
        <v>-158</v>
      </c>
      <c r="F17" s="55">
        <v>-96</v>
      </c>
      <c r="G17" s="55">
        <v>104</v>
      </c>
      <c r="H17" s="55">
        <v>200</v>
      </c>
      <c r="I17" s="55">
        <v>-62</v>
      </c>
      <c r="J17" s="55">
        <v>454</v>
      </c>
      <c r="K17" s="55">
        <v>516</v>
      </c>
      <c r="L17" s="56">
        <v>-8.2241978804472302E-2</v>
      </c>
      <c r="M17" s="57">
        <v>95</v>
      </c>
      <c r="N17" s="58">
        <v>2.1</v>
      </c>
      <c r="O17" s="3"/>
    </row>
    <row r="18" spans="2:15" ht="18.95" customHeight="1">
      <c r="B18" s="6"/>
      <c r="C18" s="21" t="s">
        <v>13</v>
      </c>
      <c r="D18" s="7"/>
      <c r="E18" s="8">
        <v>-17</v>
      </c>
      <c r="F18" s="9">
        <v>-85</v>
      </c>
      <c r="G18" s="9">
        <v>150</v>
      </c>
      <c r="H18" s="9">
        <v>235</v>
      </c>
      <c r="I18" s="9">
        <v>68</v>
      </c>
      <c r="J18" s="9">
        <v>607</v>
      </c>
      <c r="K18" s="9">
        <v>539</v>
      </c>
      <c r="L18" s="25">
        <v>-7.0553764043311705E-3</v>
      </c>
      <c r="M18" s="10">
        <v>95</v>
      </c>
      <c r="N18" s="23">
        <v>2.6</v>
      </c>
      <c r="O18" s="3"/>
    </row>
    <row r="19" spans="2:15" ht="18.95" customHeight="1">
      <c r="B19" s="47"/>
      <c r="C19" s="52" t="s">
        <v>14</v>
      </c>
      <c r="D19" s="53"/>
      <c r="E19" s="54">
        <v>-47</v>
      </c>
      <c r="F19" s="55">
        <v>-41</v>
      </c>
      <c r="G19" s="55">
        <v>31</v>
      </c>
      <c r="H19" s="55">
        <v>72</v>
      </c>
      <c r="I19" s="55">
        <v>-6</v>
      </c>
      <c r="J19" s="55">
        <v>137</v>
      </c>
      <c r="K19" s="55">
        <v>143</v>
      </c>
      <c r="L19" s="56">
        <v>-8.1937204720977666E-2</v>
      </c>
      <c r="M19" s="57">
        <v>87.7</v>
      </c>
      <c r="N19" s="58">
        <v>0.6</v>
      </c>
      <c r="O19" s="3"/>
    </row>
    <row r="20" spans="2:15" ht="18.95" customHeight="1">
      <c r="B20" s="6"/>
      <c r="C20" s="21" t="s">
        <v>16</v>
      </c>
      <c r="D20" s="7"/>
      <c r="E20" s="8">
        <v>-80</v>
      </c>
      <c r="F20" s="9">
        <v>-54</v>
      </c>
      <c r="G20" s="9">
        <v>14</v>
      </c>
      <c r="H20" s="9">
        <v>68</v>
      </c>
      <c r="I20" s="9">
        <v>-26</v>
      </c>
      <c r="J20" s="9">
        <v>79</v>
      </c>
      <c r="K20" s="9">
        <v>105</v>
      </c>
      <c r="L20" s="25">
        <v>-0.18297006152368317</v>
      </c>
      <c r="M20" s="10">
        <v>92.4</v>
      </c>
      <c r="N20" s="23">
        <v>0.5</v>
      </c>
      <c r="O20" s="3"/>
    </row>
    <row r="21" spans="2:15" ht="18.95" customHeight="1">
      <c r="B21" s="47"/>
      <c r="C21" s="52" t="s">
        <v>17</v>
      </c>
      <c r="D21" s="53"/>
      <c r="E21" s="54">
        <v>-122</v>
      </c>
      <c r="F21" s="55">
        <v>-66</v>
      </c>
      <c r="G21" s="55">
        <v>76</v>
      </c>
      <c r="H21" s="55">
        <v>142</v>
      </c>
      <c r="I21" s="55">
        <v>-56</v>
      </c>
      <c r="J21" s="55">
        <v>368</v>
      </c>
      <c r="K21" s="55">
        <v>424</v>
      </c>
      <c r="L21" s="56">
        <v>-7.3465651796897583E-2</v>
      </c>
      <c r="M21" s="57">
        <v>104.7</v>
      </c>
      <c r="N21" s="58">
        <v>1.8</v>
      </c>
      <c r="O21" s="3"/>
    </row>
    <row r="22" spans="2:15" ht="18.95" customHeight="1">
      <c r="B22" s="6"/>
      <c r="C22" s="21" t="s">
        <v>18</v>
      </c>
      <c r="D22" s="7"/>
      <c r="E22" s="8">
        <v>-59</v>
      </c>
      <c r="F22" s="9">
        <v>-40</v>
      </c>
      <c r="G22" s="9">
        <v>145</v>
      </c>
      <c r="H22" s="9">
        <v>185</v>
      </c>
      <c r="I22" s="9">
        <v>-19</v>
      </c>
      <c r="J22" s="9">
        <v>724</v>
      </c>
      <c r="K22" s="9">
        <v>743</v>
      </c>
      <c r="L22" s="25">
        <v>-2.612792942801977E-2</v>
      </c>
      <c r="M22" s="10">
        <v>107</v>
      </c>
      <c r="N22" s="23">
        <v>2.5</v>
      </c>
      <c r="O22" s="3"/>
    </row>
    <row r="23" spans="2:15" ht="18.95" customHeight="1">
      <c r="B23" s="47"/>
      <c r="C23" s="52" t="s">
        <v>19</v>
      </c>
      <c r="D23" s="53"/>
      <c r="E23" s="54">
        <v>-14</v>
      </c>
      <c r="F23" s="55">
        <v>-33</v>
      </c>
      <c r="G23" s="55">
        <v>188</v>
      </c>
      <c r="H23" s="55">
        <v>221</v>
      </c>
      <c r="I23" s="55">
        <v>19</v>
      </c>
      <c r="J23" s="55">
        <v>758</v>
      </c>
      <c r="K23" s="55">
        <v>739</v>
      </c>
      <c r="L23" s="56">
        <v>-5.9478795809293989E-3</v>
      </c>
      <c r="M23" s="57">
        <v>100</v>
      </c>
      <c r="N23" s="58">
        <v>2.6</v>
      </c>
      <c r="O23" s="3"/>
    </row>
    <row r="24" spans="2:15" ht="18.95" customHeight="1">
      <c r="B24" s="6"/>
      <c r="C24" s="21" t="s">
        <v>20</v>
      </c>
      <c r="D24" s="7"/>
      <c r="E24" s="8">
        <v>55</v>
      </c>
      <c r="F24" s="9">
        <v>-38</v>
      </c>
      <c r="G24" s="9">
        <v>68</v>
      </c>
      <c r="H24" s="9">
        <v>106</v>
      </c>
      <c r="I24" s="9">
        <v>93</v>
      </c>
      <c r="J24" s="9">
        <v>424</v>
      </c>
      <c r="K24" s="9">
        <v>331</v>
      </c>
      <c r="L24" s="25">
        <v>5.3846078536953099E-2</v>
      </c>
      <c r="M24" s="10">
        <v>102.4</v>
      </c>
      <c r="N24" s="23">
        <v>1.1000000000000001</v>
      </c>
      <c r="O24" s="3"/>
    </row>
    <row r="25" spans="2:15" ht="18.95" customHeight="1">
      <c r="B25" s="47"/>
      <c r="C25" s="52" t="s">
        <v>21</v>
      </c>
      <c r="D25" s="53"/>
      <c r="E25" s="54">
        <v>16</v>
      </c>
      <c r="F25" s="55">
        <v>0</v>
      </c>
      <c r="G25" s="55">
        <v>101</v>
      </c>
      <c r="H25" s="55">
        <v>101</v>
      </c>
      <c r="I25" s="55">
        <v>16</v>
      </c>
      <c r="J25" s="55">
        <v>400</v>
      </c>
      <c r="K25" s="55">
        <v>384</v>
      </c>
      <c r="L25" s="56">
        <v>1.2175448208687182E-2</v>
      </c>
      <c r="M25" s="57">
        <v>101.4</v>
      </c>
      <c r="N25" s="58">
        <v>1.4</v>
      </c>
      <c r="O25" s="3"/>
    </row>
    <row r="26" spans="2:15" ht="18.95" customHeight="1">
      <c r="B26" s="6"/>
      <c r="C26" s="21" t="s">
        <v>22</v>
      </c>
      <c r="D26" s="7"/>
      <c r="E26" s="8">
        <v>-32</v>
      </c>
      <c r="F26" s="9">
        <v>-29</v>
      </c>
      <c r="G26" s="9">
        <v>84</v>
      </c>
      <c r="H26" s="9">
        <v>113</v>
      </c>
      <c r="I26" s="9">
        <v>-3</v>
      </c>
      <c r="J26" s="9">
        <v>422</v>
      </c>
      <c r="K26" s="9">
        <v>425</v>
      </c>
      <c r="L26" s="25">
        <v>-2.4716723180424355E-2</v>
      </c>
      <c r="M26" s="10">
        <v>99.9</v>
      </c>
      <c r="N26" s="23">
        <v>1.4</v>
      </c>
      <c r="O26" s="3"/>
    </row>
    <row r="27" spans="2:15" ht="18.95" customHeight="1">
      <c r="B27" s="47"/>
      <c r="C27" s="52" t="s">
        <v>23</v>
      </c>
      <c r="D27" s="53"/>
      <c r="E27" s="54">
        <v>-28</v>
      </c>
      <c r="F27" s="55">
        <v>-19</v>
      </c>
      <c r="G27" s="55">
        <v>19</v>
      </c>
      <c r="H27" s="55">
        <v>38</v>
      </c>
      <c r="I27" s="55">
        <v>-9</v>
      </c>
      <c r="J27" s="55">
        <v>85</v>
      </c>
      <c r="K27" s="55">
        <v>94</v>
      </c>
      <c r="L27" s="56">
        <v>-6.5707647900875313E-2</v>
      </c>
      <c r="M27" s="57">
        <v>97.1</v>
      </c>
      <c r="N27" s="58">
        <v>0.5</v>
      </c>
      <c r="O27" s="3"/>
    </row>
    <row r="28" spans="2:15" ht="18.95" customHeight="1">
      <c r="B28" s="6"/>
      <c r="C28" s="21" t="s">
        <v>24</v>
      </c>
      <c r="D28" s="7"/>
      <c r="E28" s="8">
        <v>33</v>
      </c>
      <c r="F28" s="9">
        <v>-27</v>
      </c>
      <c r="G28" s="9">
        <v>57</v>
      </c>
      <c r="H28" s="9">
        <v>84</v>
      </c>
      <c r="I28" s="9">
        <v>60</v>
      </c>
      <c r="J28" s="9">
        <v>291</v>
      </c>
      <c r="K28" s="9">
        <v>231</v>
      </c>
      <c r="L28" s="25">
        <v>3.9169139465875372E-2</v>
      </c>
      <c r="M28" s="10">
        <v>103.6</v>
      </c>
      <c r="N28" s="23">
        <v>0.9</v>
      </c>
      <c r="O28" s="3"/>
    </row>
    <row r="29" spans="2:15" ht="18.95" customHeight="1">
      <c r="B29" s="47"/>
      <c r="C29" s="52" t="s">
        <v>31</v>
      </c>
      <c r="D29" s="53"/>
      <c r="E29" s="54">
        <v>-18</v>
      </c>
      <c r="F29" s="55">
        <v>-24</v>
      </c>
      <c r="G29" s="55">
        <v>20</v>
      </c>
      <c r="H29" s="55">
        <v>44</v>
      </c>
      <c r="I29" s="55">
        <v>6</v>
      </c>
      <c r="J29" s="55">
        <v>85</v>
      </c>
      <c r="K29" s="55">
        <v>79</v>
      </c>
      <c r="L29" s="56">
        <v>-5.6373316630128401E-2</v>
      </c>
      <c r="M29" s="57">
        <v>89.5</v>
      </c>
      <c r="N29" s="58">
        <v>0.3</v>
      </c>
      <c r="O29" s="3"/>
    </row>
    <row r="30" spans="2:15" ht="18.95" customHeight="1">
      <c r="B30" s="6"/>
      <c r="C30" s="21" t="s">
        <v>32</v>
      </c>
      <c r="D30" s="7"/>
      <c r="E30" s="8">
        <v>16</v>
      </c>
      <c r="F30" s="9">
        <v>-11</v>
      </c>
      <c r="G30" s="9">
        <v>32</v>
      </c>
      <c r="H30" s="9">
        <v>43</v>
      </c>
      <c r="I30" s="9">
        <v>27</v>
      </c>
      <c r="J30" s="9">
        <v>156</v>
      </c>
      <c r="K30" s="9">
        <v>129</v>
      </c>
      <c r="L30" s="25">
        <v>3.3227420929121759E-2</v>
      </c>
      <c r="M30" s="10">
        <v>102.8</v>
      </c>
      <c r="N30" s="23">
        <v>0.5</v>
      </c>
      <c r="O30" s="3"/>
    </row>
    <row r="31" spans="2:15" ht="18.95" customHeight="1">
      <c r="B31" s="47"/>
      <c r="C31" s="52" t="s">
        <v>33</v>
      </c>
      <c r="D31" s="53"/>
      <c r="E31" s="54">
        <v>-16</v>
      </c>
      <c r="F31" s="55">
        <v>-33</v>
      </c>
      <c r="G31" s="55">
        <v>10</v>
      </c>
      <c r="H31" s="55">
        <v>43</v>
      </c>
      <c r="I31" s="55">
        <v>17</v>
      </c>
      <c r="J31" s="55">
        <v>91</v>
      </c>
      <c r="K31" s="55">
        <v>74</v>
      </c>
      <c r="L31" s="56">
        <v>-5.0745321915635903E-2</v>
      </c>
      <c r="M31" s="57">
        <v>95.4</v>
      </c>
      <c r="N31" s="58">
        <v>0.3</v>
      </c>
      <c r="O31" s="3"/>
    </row>
    <row r="32" spans="2:15" ht="18.95" customHeight="1">
      <c r="B32" s="6"/>
      <c r="C32" s="21" t="s">
        <v>34</v>
      </c>
      <c r="D32" s="7"/>
      <c r="E32" s="8">
        <v>-10</v>
      </c>
      <c r="F32" s="9">
        <v>-25</v>
      </c>
      <c r="G32" s="9">
        <v>13</v>
      </c>
      <c r="H32" s="9">
        <v>38</v>
      </c>
      <c r="I32" s="9">
        <v>15</v>
      </c>
      <c r="J32" s="9">
        <v>71</v>
      </c>
      <c r="K32" s="9">
        <v>56</v>
      </c>
      <c r="L32" s="25">
        <v>-3.5729598399313993E-2</v>
      </c>
      <c r="M32" s="10">
        <v>92.8</v>
      </c>
      <c r="N32" s="23">
        <v>0.3</v>
      </c>
      <c r="O32" s="3"/>
    </row>
    <row r="33" spans="1:15" ht="18.95" customHeight="1">
      <c r="B33" s="47"/>
      <c r="C33" s="52" t="s">
        <v>35</v>
      </c>
      <c r="D33" s="53"/>
      <c r="E33" s="54">
        <v>-26</v>
      </c>
      <c r="F33" s="55">
        <v>-14</v>
      </c>
      <c r="G33" s="55">
        <v>3</v>
      </c>
      <c r="H33" s="55">
        <v>17</v>
      </c>
      <c r="I33" s="55">
        <v>-12</v>
      </c>
      <c r="J33" s="55">
        <v>16</v>
      </c>
      <c r="K33" s="55">
        <v>28</v>
      </c>
      <c r="L33" s="56">
        <v>-0.27296587926509186</v>
      </c>
      <c r="M33" s="57">
        <v>100.9</v>
      </c>
      <c r="N33" s="58">
        <v>0.1</v>
      </c>
      <c r="O33" s="3"/>
    </row>
    <row r="34" spans="1:15" ht="18.95" customHeight="1">
      <c r="B34" s="6"/>
      <c r="C34" s="21" t="s">
        <v>36</v>
      </c>
      <c r="D34" s="7"/>
      <c r="E34" s="8">
        <v>-2</v>
      </c>
      <c r="F34" s="9">
        <v>-6</v>
      </c>
      <c r="G34" s="9">
        <v>14</v>
      </c>
      <c r="H34" s="9">
        <v>20</v>
      </c>
      <c r="I34" s="9">
        <v>4</v>
      </c>
      <c r="J34" s="9">
        <v>43</v>
      </c>
      <c r="K34" s="9">
        <v>39</v>
      </c>
      <c r="L34" s="25">
        <v>-1.1785503830288745E-2</v>
      </c>
      <c r="M34" s="10">
        <v>99.1</v>
      </c>
      <c r="N34" s="23">
        <v>0.2</v>
      </c>
      <c r="O34" s="3"/>
    </row>
    <row r="35" spans="1:15" ht="18.95" customHeight="1">
      <c r="B35" s="47"/>
      <c r="C35" s="52" t="s">
        <v>37</v>
      </c>
      <c r="D35" s="53"/>
      <c r="E35" s="54">
        <v>16</v>
      </c>
      <c r="F35" s="55">
        <v>-4</v>
      </c>
      <c r="G35" s="55">
        <v>5</v>
      </c>
      <c r="H35" s="55">
        <v>9</v>
      </c>
      <c r="I35" s="55">
        <v>20</v>
      </c>
      <c r="J35" s="55">
        <v>39</v>
      </c>
      <c r="K35" s="55">
        <v>19</v>
      </c>
      <c r="L35" s="56">
        <v>0.14611872146118721</v>
      </c>
      <c r="M35" s="57">
        <v>97.5</v>
      </c>
      <c r="N35" s="58">
        <v>0.1</v>
      </c>
      <c r="O35" s="3"/>
    </row>
    <row r="36" spans="1:15" ht="18.95" customHeight="1">
      <c r="B36" s="6"/>
      <c r="C36" s="21" t="s">
        <v>38</v>
      </c>
      <c r="D36" s="7"/>
      <c r="E36" s="8">
        <v>-24</v>
      </c>
      <c r="F36" s="9">
        <v>-13</v>
      </c>
      <c r="G36" s="9">
        <v>3</v>
      </c>
      <c r="H36" s="9">
        <v>16</v>
      </c>
      <c r="I36" s="9">
        <v>-11</v>
      </c>
      <c r="J36" s="9">
        <v>12</v>
      </c>
      <c r="K36" s="9">
        <v>23</v>
      </c>
      <c r="L36" s="25">
        <v>-0.23727137913989124</v>
      </c>
      <c r="M36" s="10">
        <v>96.2</v>
      </c>
      <c r="N36" s="23">
        <v>0.1</v>
      </c>
      <c r="O36" s="3"/>
    </row>
    <row r="37" spans="1:15" ht="18.95" customHeight="1">
      <c r="B37" s="47"/>
      <c r="C37" s="52" t="s">
        <v>39</v>
      </c>
      <c r="D37" s="53"/>
      <c r="E37" s="54">
        <v>29</v>
      </c>
      <c r="F37" s="55">
        <v>-5</v>
      </c>
      <c r="G37" s="55">
        <v>10</v>
      </c>
      <c r="H37" s="55">
        <v>15</v>
      </c>
      <c r="I37" s="55">
        <v>34</v>
      </c>
      <c r="J37" s="55">
        <v>63</v>
      </c>
      <c r="K37" s="55">
        <v>29</v>
      </c>
      <c r="L37" s="56">
        <v>0.16537408759124086</v>
      </c>
      <c r="M37" s="57">
        <v>95.2</v>
      </c>
      <c r="N37" s="58">
        <v>0.2</v>
      </c>
      <c r="O37" s="3"/>
    </row>
    <row r="38" spans="1:15" ht="18.95" customHeight="1">
      <c r="B38" s="6"/>
      <c r="C38" s="21" t="s">
        <v>40</v>
      </c>
      <c r="D38" s="7"/>
      <c r="E38" s="8">
        <v>-98</v>
      </c>
      <c r="F38" s="9">
        <v>-22</v>
      </c>
      <c r="G38" s="9">
        <v>4</v>
      </c>
      <c r="H38" s="9">
        <v>26</v>
      </c>
      <c r="I38" s="9">
        <v>-76</v>
      </c>
      <c r="J38" s="9">
        <v>55</v>
      </c>
      <c r="K38" s="9">
        <v>131</v>
      </c>
      <c r="L38" s="25">
        <v>-0.84490042245021124</v>
      </c>
      <c r="M38" s="10">
        <v>91.6</v>
      </c>
      <c r="N38" s="23">
        <v>0.1</v>
      </c>
      <c r="O38" s="3"/>
    </row>
    <row r="39" spans="1:15" ht="18.95" customHeight="1">
      <c r="B39" s="47"/>
      <c r="C39" s="52" t="s">
        <v>41</v>
      </c>
      <c r="D39" s="53"/>
      <c r="E39" s="54">
        <v>-33</v>
      </c>
      <c r="F39" s="55">
        <v>-8</v>
      </c>
      <c r="G39" s="55">
        <v>4</v>
      </c>
      <c r="H39" s="55">
        <v>12</v>
      </c>
      <c r="I39" s="55">
        <v>-25</v>
      </c>
      <c r="J39" s="55">
        <v>11</v>
      </c>
      <c r="K39" s="55">
        <v>36</v>
      </c>
      <c r="L39" s="56">
        <v>-0.46801872074883</v>
      </c>
      <c r="M39" s="57">
        <v>88</v>
      </c>
      <c r="N39" s="58">
        <v>0.1</v>
      </c>
      <c r="O39" s="3"/>
    </row>
    <row r="40" spans="1:15" ht="18.95" customHeight="1">
      <c r="B40" s="6"/>
      <c r="C40" s="21" t="s">
        <v>42</v>
      </c>
      <c r="D40" s="7"/>
      <c r="E40" s="8">
        <v>-51</v>
      </c>
      <c r="F40" s="9">
        <v>-48</v>
      </c>
      <c r="G40" s="9">
        <v>3</v>
      </c>
      <c r="H40" s="9">
        <v>51</v>
      </c>
      <c r="I40" s="9">
        <v>-3</v>
      </c>
      <c r="J40" s="9">
        <v>69</v>
      </c>
      <c r="K40" s="9">
        <v>72</v>
      </c>
      <c r="L40" s="25">
        <v>-0.20907637436969623</v>
      </c>
      <c r="M40" s="10">
        <v>86.8</v>
      </c>
      <c r="N40" s="23">
        <v>0.3</v>
      </c>
      <c r="O40" s="3"/>
    </row>
    <row r="41" spans="1:15" ht="18.95" customHeight="1">
      <c r="B41" s="47"/>
      <c r="C41" s="52" t="s">
        <v>43</v>
      </c>
      <c r="D41" s="53"/>
      <c r="E41" s="54">
        <v>-75</v>
      </c>
      <c r="F41" s="55">
        <v>-29</v>
      </c>
      <c r="G41" s="55">
        <v>19</v>
      </c>
      <c r="H41" s="55">
        <v>48</v>
      </c>
      <c r="I41" s="55">
        <v>-46</v>
      </c>
      <c r="J41" s="55">
        <v>133</v>
      </c>
      <c r="K41" s="55">
        <v>179</v>
      </c>
      <c r="L41" s="56">
        <v>-0.1874625074985003</v>
      </c>
      <c r="M41" s="57">
        <v>108.8</v>
      </c>
      <c r="N41" s="58">
        <v>0.4</v>
      </c>
      <c r="O41" s="3"/>
    </row>
    <row r="42" spans="1:15" ht="18.95" customHeight="1" thickBot="1">
      <c r="A42" s="14"/>
      <c r="B42" s="6"/>
      <c r="C42" s="21" t="s">
        <v>44</v>
      </c>
      <c r="D42" s="7"/>
      <c r="E42" s="11">
        <v>-3</v>
      </c>
      <c r="F42" s="12">
        <v>-1</v>
      </c>
      <c r="G42" s="12">
        <v>0</v>
      </c>
      <c r="H42" s="12">
        <v>1</v>
      </c>
      <c r="I42" s="12">
        <v>-2</v>
      </c>
      <c r="J42" s="12">
        <v>3</v>
      </c>
      <c r="K42" s="12">
        <v>5</v>
      </c>
      <c r="L42" s="26">
        <v>-9.5785440613026809E-2</v>
      </c>
      <c r="M42" s="13">
        <v>105.6</v>
      </c>
      <c r="N42" s="24">
        <v>0</v>
      </c>
      <c r="O42" s="3"/>
    </row>
    <row r="43" spans="1:15" ht="9.75" customHeight="1">
      <c r="B43" s="65"/>
      <c r="C43" s="66"/>
      <c r="D43" s="67"/>
      <c r="E43" s="68"/>
      <c r="F43" s="68"/>
      <c r="G43" s="68"/>
      <c r="H43" s="68"/>
      <c r="I43" s="68"/>
      <c r="J43" s="68"/>
      <c r="K43" s="68"/>
      <c r="L43" s="69"/>
      <c r="M43" s="70"/>
      <c r="N43" s="71"/>
      <c r="O43" s="3"/>
    </row>
    <row r="44" spans="1:15" ht="19.5" customHeight="1">
      <c r="B44" s="72" t="s">
        <v>53</v>
      </c>
      <c r="C44" s="73"/>
      <c r="D44" s="53"/>
      <c r="E44" s="74"/>
      <c r="F44" s="74"/>
      <c r="G44" s="74"/>
      <c r="H44" s="74"/>
      <c r="I44" s="74"/>
      <c r="J44" s="74"/>
      <c r="K44" s="74"/>
      <c r="L44" s="75"/>
      <c r="M44" s="76"/>
      <c r="N44" s="77"/>
    </row>
    <row r="45" spans="1:15" ht="19.5" customHeight="1">
      <c r="B45" s="72" t="s">
        <v>52</v>
      </c>
      <c r="C45" s="73"/>
      <c r="D45" s="53"/>
      <c r="E45" s="74"/>
      <c r="F45" s="74"/>
      <c r="G45" s="74"/>
      <c r="H45" s="78"/>
      <c r="I45" s="78"/>
      <c r="J45" s="78"/>
      <c r="K45" s="78"/>
      <c r="L45" s="78"/>
      <c r="M45" s="78"/>
      <c r="N45" s="31"/>
    </row>
  </sheetData>
  <mergeCells count="5">
    <mergeCell ref="C3:C4"/>
    <mergeCell ref="E3:E4"/>
    <mergeCell ref="F3:F4"/>
    <mergeCell ref="I3:I4"/>
    <mergeCell ref="E1:M1"/>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79</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48</v>
      </c>
      <c r="G3" s="91"/>
      <c r="H3" s="91"/>
      <c r="I3" s="161" t="s">
        <v>80</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3422</v>
      </c>
      <c r="F6" s="18">
        <v>-1043</v>
      </c>
      <c r="G6" s="18">
        <v>6315</v>
      </c>
      <c r="H6" s="18">
        <v>7358</v>
      </c>
      <c r="I6" s="18">
        <v>4465</v>
      </c>
      <c r="J6" s="18">
        <v>41076</v>
      </c>
      <c r="K6" s="18">
        <v>36611</v>
      </c>
      <c r="L6" s="27">
        <v>3.7277358471040058E-2</v>
      </c>
      <c r="M6" s="19">
        <v>99.5</v>
      </c>
      <c r="N6" s="22">
        <v>100</v>
      </c>
      <c r="O6" s="3"/>
    </row>
    <row r="7" spans="2:15" ht="18.95" customHeight="1">
      <c r="B7" s="100"/>
      <c r="C7" s="105" t="s">
        <v>4</v>
      </c>
      <c r="D7" s="106"/>
      <c r="E7" s="107">
        <v>3560</v>
      </c>
      <c r="F7" s="108">
        <v>-898</v>
      </c>
      <c r="G7" s="108">
        <v>6182</v>
      </c>
      <c r="H7" s="108">
        <v>7080</v>
      </c>
      <c r="I7" s="108">
        <v>4458</v>
      </c>
      <c r="J7" s="108">
        <v>40013</v>
      </c>
      <c r="K7" s="108">
        <v>35555</v>
      </c>
      <c r="L7" s="109">
        <v>4.0045570959851839E-2</v>
      </c>
      <c r="M7" s="110">
        <v>99.5</v>
      </c>
      <c r="N7" s="111">
        <v>96.8</v>
      </c>
      <c r="O7" s="3"/>
    </row>
    <row r="8" spans="2:15" ht="18.95" customHeight="1">
      <c r="B8" s="100"/>
      <c r="C8" s="105" t="s">
        <v>5</v>
      </c>
      <c r="D8" s="106"/>
      <c r="E8" s="107">
        <v>-138</v>
      </c>
      <c r="F8" s="108">
        <v>-145</v>
      </c>
      <c r="G8" s="108">
        <v>133</v>
      </c>
      <c r="H8" s="108">
        <v>278</v>
      </c>
      <c r="I8" s="108">
        <v>7</v>
      </c>
      <c r="J8" s="108">
        <v>1063</v>
      </c>
      <c r="K8" s="108">
        <v>1056</v>
      </c>
      <c r="L8" s="109">
        <v>-4.7592279014908798E-2</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1593</v>
      </c>
      <c r="F10" s="9">
        <v>-385</v>
      </c>
      <c r="G10" s="9">
        <v>2611</v>
      </c>
      <c r="H10" s="9">
        <v>2996</v>
      </c>
      <c r="I10" s="9">
        <v>1978</v>
      </c>
      <c r="J10" s="9">
        <v>18387</v>
      </c>
      <c r="K10" s="9">
        <v>16409</v>
      </c>
      <c r="L10" s="25">
        <v>4.2591624128516012E-2</v>
      </c>
      <c r="M10" s="10">
        <v>98.8</v>
      </c>
      <c r="N10" s="23">
        <v>40.700000000000003</v>
      </c>
      <c r="O10" s="3"/>
    </row>
    <row r="11" spans="2:15" ht="18.95" customHeight="1">
      <c r="B11" s="100"/>
      <c r="C11" s="105" t="s">
        <v>7</v>
      </c>
      <c r="D11" s="106"/>
      <c r="E11" s="107">
        <v>1223</v>
      </c>
      <c r="F11" s="108">
        <v>306</v>
      </c>
      <c r="G11" s="108">
        <v>1304</v>
      </c>
      <c r="H11" s="108">
        <v>998</v>
      </c>
      <c r="I11" s="108">
        <v>917</v>
      </c>
      <c r="J11" s="108">
        <v>8526</v>
      </c>
      <c r="K11" s="108">
        <v>7609</v>
      </c>
      <c r="L11" s="109">
        <v>8.064712891605115E-2</v>
      </c>
      <c r="M11" s="110">
        <v>102.6</v>
      </c>
      <c r="N11" s="111">
        <v>16.5</v>
      </c>
      <c r="O11" s="3"/>
    </row>
    <row r="12" spans="2:15" ht="18.95" customHeight="1">
      <c r="B12" s="6"/>
      <c r="C12" s="21" t="s">
        <v>15</v>
      </c>
      <c r="D12" s="7"/>
      <c r="E12" s="8">
        <v>89</v>
      </c>
      <c r="F12" s="9">
        <v>-88</v>
      </c>
      <c r="G12" s="9">
        <v>462</v>
      </c>
      <c r="H12" s="9">
        <v>550</v>
      </c>
      <c r="I12" s="9">
        <v>177</v>
      </c>
      <c r="J12" s="9">
        <v>2850</v>
      </c>
      <c r="K12" s="9">
        <v>2673</v>
      </c>
      <c r="L12" s="25">
        <v>1.2309615884660282E-2</v>
      </c>
      <c r="M12" s="10">
        <v>100.1</v>
      </c>
      <c r="N12" s="23">
        <v>7.9</v>
      </c>
      <c r="O12" s="3"/>
    </row>
    <row r="13" spans="2:15" ht="18.95" customHeight="1">
      <c r="B13" s="100"/>
      <c r="C13" s="105" t="s">
        <v>8</v>
      </c>
      <c r="D13" s="106"/>
      <c r="E13" s="107">
        <v>-88</v>
      </c>
      <c r="F13" s="108">
        <v>-194</v>
      </c>
      <c r="G13" s="108">
        <v>217</v>
      </c>
      <c r="H13" s="108">
        <v>411</v>
      </c>
      <c r="I13" s="108">
        <v>106</v>
      </c>
      <c r="J13" s="108">
        <v>1023</v>
      </c>
      <c r="K13" s="108">
        <v>917</v>
      </c>
      <c r="L13" s="109">
        <v>-2.2131794838261849E-2</v>
      </c>
      <c r="M13" s="110">
        <v>99.6</v>
      </c>
      <c r="N13" s="111">
        <v>4.3</v>
      </c>
      <c r="O13" s="3"/>
    </row>
    <row r="14" spans="2:15" ht="18.95" customHeight="1">
      <c r="B14" s="6"/>
      <c r="C14" s="21" t="s">
        <v>9</v>
      </c>
      <c r="D14" s="7"/>
      <c r="E14" s="8">
        <v>19</v>
      </c>
      <c r="F14" s="9">
        <v>-82</v>
      </c>
      <c r="G14" s="9">
        <v>141</v>
      </c>
      <c r="H14" s="9">
        <v>223</v>
      </c>
      <c r="I14" s="9">
        <v>101</v>
      </c>
      <c r="J14" s="9">
        <v>779</v>
      </c>
      <c r="K14" s="9">
        <v>678</v>
      </c>
      <c r="L14" s="25">
        <v>7.3642269112106779E-3</v>
      </c>
      <c r="M14" s="10">
        <v>100.4</v>
      </c>
      <c r="N14" s="23">
        <v>2.8</v>
      </c>
      <c r="O14" s="3"/>
    </row>
    <row r="15" spans="2:15" ht="18.95" customHeight="1">
      <c r="B15" s="100"/>
      <c r="C15" s="105" t="s">
        <v>10</v>
      </c>
      <c r="D15" s="106"/>
      <c r="E15" s="107">
        <v>-85</v>
      </c>
      <c r="F15" s="108">
        <v>-104</v>
      </c>
      <c r="G15" s="108">
        <v>87</v>
      </c>
      <c r="H15" s="108">
        <v>191</v>
      </c>
      <c r="I15" s="108">
        <v>19</v>
      </c>
      <c r="J15" s="108">
        <v>517</v>
      </c>
      <c r="K15" s="108">
        <v>498</v>
      </c>
      <c r="L15" s="109">
        <v>-4.93308416421947E-2</v>
      </c>
      <c r="M15" s="110">
        <v>88.8</v>
      </c>
      <c r="N15" s="111">
        <v>1.9</v>
      </c>
      <c r="O15" s="3"/>
    </row>
    <row r="16" spans="2:15" ht="18.95" customHeight="1">
      <c r="B16" s="6"/>
      <c r="C16" s="21" t="s">
        <v>11</v>
      </c>
      <c r="D16" s="7"/>
      <c r="E16" s="8">
        <v>360</v>
      </c>
      <c r="F16" s="9">
        <v>12</v>
      </c>
      <c r="G16" s="9">
        <v>321</v>
      </c>
      <c r="H16" s="9">
        <v>309</v>
      </c>
      <c r="I16" s="9">
        <v>348</v>
      </c>
      <c r="J16" s="9">
        <v>1667</v>
      </c>
      <c r="K16" s="9">
        <v>1319</v>
      </c>
      <c r="L16" s="25">
        <v>8.3471292831207133E-2</v>
      </c>
      <c r="M16" s="10">
        <v>97.8</v>
      </c>
      <c r="N16" s="23">
        <v>4.7</v>
      </c>
      <c r="O16" s="3"/>
    </row>
    <row r="17" spans="2:15" ht="18.95" customHeight="1">
      <c r="B17" s="100"/>
      <c r="C17" s="105" t="s">
        <v>12</v>
      </c>
      <c r="D17" s="106"/>
      <c r="E17" s="107">
        <v>-59</v>
      </c>
      <c r="F17" s="108">
        <v>-80</v>
      </c>
      <c r="G17" s="108">
        <v>101</v>
      </c>
      <c r="H17" s="108">
        <v>181</v>
      </c>
      <c r="I17" s="108">
        <v>21</v>
      </c>
      <c r="J17" s="108">
        <v>578</v>
      </c>
      <c r="K17" s="108">
        <v>557</v>
      </c>
      <c r="L17" s="109">
        <v>-3.086080729779633E-2</v>
      </c>
      <c r="M17" s="110">
        <v>94.8</v>
      </c>
      <c r="N17" s="111">
        <v>2.1</v>
      </c>
      <c r="O17" s="3"/>
    </row>
    <row r="18" spans="2:15" ht="18.95" customHeight="1">
      <c r="B18" s="6"/>
      <c r="C18" s="21" t="s">
        <v>13</v>
      </c>
      <c r="D18" s="7"/>
      <c r="E18" s="8">
        <v>45</v>
      </c>
      <c r="F18" s="9">
        <v>-33</v>
      </c>
      <c r="G18" s="9">
        <v>177</v>
      </c>
      <c r="H18" s="9">
        <v>210</v>
      </c>
      <c r="I18" s="9">
        <v>78</v>
      </c>
      <c r="J18" s="9">
        <v>746</v>
      </c>
      <c r="K18" s="9">
        <v>668</v>
      </c>
      <c r="L18" s="25">
        <v>1.8594810808130476E-2</v>
      </c>
      <c r="M18" s="10">
        <v>95</v>
      </c>
      <c r="N18" s="23">
        <v>2.6</v>
      </c>
      <c r="O18" s="3"/>
    </row>
    <row r="19" spans="2:15" ht="18.95" customHeight="1">
      <c r="B19" s="100"/>
      <c r="C19" s="105" t="s">
        <v>14</v>
      </c>
      <c r="D19" s="106"/>
      <c r="E19" s="107">
        <v>-35</v>
      </c>
      <c r="F19" s="108">
        <v>-22</v>
      </c>
      <c r="G19" s="108">
        <v>38</v>
      </c>
      <c r="H19" s="108">
        <v>60</v>
      </c>
      <c r="I19" s="108">
        <v>-13</v>
      </c>
      <c r="J19" s="108">
        <v>172</v>
      </c>
      <c r="K19" s="108">
        <v>185</v>
      </c>
      <c r="L19" s="109">
        <v>-6.1269146608315096E-2</v>
      </c>
      <c r="M19" s="110">
        <v>87.7</v>
      </c>
      <c r="N19" s="111">
        <v>0.6</v>
      </c>
      <c r="O19" s="3"/>
    </row>
    <row r="20" spans="2:15" ht="18.95" customHeight="1">
      <c r="B20" s="6"/>
      <c r="C20" s="21" t="s">
        <v>16</v>
      </c>
      <c r="D20" s="7"/>
      <c r="E20" s="8">
        <v>-42</v>
      </c>
      <c r="F20" s="9">
        <v>-47</v>
      </c>
      <c r="G20" s="9">
        <v>16</v>
      </c>
      <c r="H20" s="9">
        <v>63</v>
      </c>
      <c r="I20" s="9">
        <v>5</v>
      </c>
      <c r="J20" s="9">
        <v>110</v>
      </c>
      <c r="K20" s="9">
        <v>105</v>
      </c>
      <c r="L20" s="25">
        <v>-9.7305562634663945E-2</v>
      </c>
      <c r="M20" s="10">
        <v>92.2</v>
      </c>
      <c r="N20" s="23">
        <v>0.5</v>
      </c>
      <c r="O20" s="3"/>
    </row>
    <row r="21" spans="2:15" ht="18.95" customHeight="1">
      <c r="B21" s="100"/>
      <c r="C21" s="105" t="s">
        <v>17</v>
      </c>
      <c r="D21" s="106"/>
      <c r="E21" s="107">
        <v>70</v>
      </c>
      <c r="F21" s="108">
        <v>-71</v>
      </c>
      <c r="G21" s="108">
        <v>80</v>
      </c>
      <c r="H21" s="108">
        <v>151</v>
      </c>
      <c r="I21" s="108">
        <v>141</v>
      </c>
      <c r="J21" s="108">
        <v>515</v>
      </c>
      <c r="K21" s="108">
        <v>374</v>
      </c>
      <c r="L21" s="109">
        <v>4.2323435695585665E-2</v>
      </c>
      <c r="M21" s="110">
        <v>104.8</v>
      </c>
      <c r="N21" s="111">
        <v>1.8</v>
      </c>
      <c r="O21" s="3"/>
    </row>
    <row r="22" spans="2:15" ht="18.95" customHeight="1">
      <c r="B22" s="6"/>
      <c r="C22" s="21" t="s">
        <v>18</v>
      </c>
      <c r="D22" s="7"/>
      <c r="E22" s="8">
        <v>141</v>
      </c>
      <c r="F22" s="9">
        <v>-44</v>
      </c>
      <c r="G22" s="9">
        <v>133</v>
      </c>
      <c r="H22" s="9">
        <v>177</v>
      </c>
      <c r="I22" s="9">
        <v>185</v>
      </c>
      <c r="J22" s="9">
        <v>926</v>
      </c>
      <c r="K22" s="9">
        <v>741</v>
      </c>
      <c r="L22" s="25">
        <v>6.260990035700964E-2</v>
      </c>
      <c r="M22" s="10">
        <v>107.1</v>
      </c>
      <c r="N22" s="23">
        <v>2.5</v>
      </c>
      <c r="O22" s="3"/>
    </row>
    <row r="23" spans="2:15" ht="18.95" customHeight="1">
      <c r="B23" s="100"/>
      <c r="C23" s="105" t="s">
        <v>19</v>
      </c>
      <c r="D23" s="106"/>
      <c r="E23" s="107">
        <v>86</v>
      </c>
      <c r="F23" s="108">
        <v>-3</v>
      </c>
      <c r="G23" s="108">
        <v>183</v>
      </c>
      <c r="H23" s="108">
        <v>186</v>
      </c>
      <c r="I23" s="108">
        <v>89</v>
      </c>
      <c r="J23" s="108">
        <v>996</v>
      </c>
      <c r="K23" s="108">
        <v>907</v>
      </c>
      <c r="L23" s="109">
        <v>3.646447257956463E-2</v>
      </c>
      <c r="M23" s="110">
        <v>99.9</v>
      </c>
      <c r="N23" s="111">
        <v>2.6</v>
      </c>
      <c r="O23" s="3"/>
    </row>
    <row r="24" spans="2:15" ht="18.95" customHeight="1">
      <c r="B24" s="6"/>
      <c r="C24" s="21" t="s">
        <v>20</v>
      </c>
      <c r="D24" s="7"/>
      <c r="E24" s="8">
        <v>3</v>
      </c>
      <c r="F24" s="9">
        <v>-8</v>
      </c>
      <c r="G24" s="9">
        <v>67</v>
      </c>
      <c r="H24" s="9">
        <v>75</v>
      </c>
      <c r="I24" s="9">
        <v>11</v>
      </c>
      <c r="J24" s="9">
        <v>407</v>
      </c>
      <c r="K24" s="9">
        <v>396</v>
      </c>
      <c r="L24" s="25">
        <v>2.9276861520445008E-3</v>
      </c>
      <c r="M24" s="10">
        <v>103</v>
      </c>
      <c r="N24" s="23">
        <v>1.1000000000000001</v>
      </c>
      <c r="O24" s="3"/>
    </row>
    <row r="25" spans="2:15" ht="18.95" customHeight="1">
      <c r="B25" s="100"/>
      <c r="C25" s="105" t="s">
        <v>21</v>
      </c>
      <c r="D25" s="106"/>
      <c r="E25" s="107">
        <v>77</v>
      </c>
      <c r="F25" s="108">
        <v>-22</v>
      </c>
      <c r="G25" s="108">
        <v>85</v>
      </c>
      <c r="H25" s="108">
        <v>107</v>
      </c>
      <c r="I25" s="108">
        <v>99</v>
      </c>
      <c r="J25" s="108">
        <v>607</v>
      </c>
      <c r="K25" s="108">
        <v>508</v>
      </c>
      <c r="L25" s="109">
        <v>5.8051432060976627E-2</v>
      </c>
      <c r="M25" s="110">
        <v>101.4</v>
      </c>
      <c r="N25" s="111">
        <v>1.4</v>
      </c>
      <c r="O25" s="3"/>
    </row>
    <row r="26" spans="2:15" ht="18.95" customHeight="1">
      <c r="B26" s="6"/>
      <c r="C26" s="21" t="s">
        <v>22</v>
      </c>
      <c r="D26" s="7"/>
      <c r="E26" s="8">
        <v>278</v>
      </c>
      <c r="F26" s="9">
        <v>-19</v>
      </c>
      <c r="G26" s="9">
        <v>72</v>
      </c>
      <c r="H26" s="9">
        <v>91</v>
      </c>
      <c r="I26" s="9">
        <v>297</v>
      </c>
      <c r="J26" s="9">
        <v>802</v>
      </c>
      <c r="K26" s="9">
        <v>505</v>
      </c>
      <c r="L26" s="25">
        <v>0.21479621402356575</v>
      </c>
      <c r="M26" s="10">
        <v>99.6</v>
      </c>
      <c r="N26" s="23">
        <v>1.4</v>
      </c>
      <c r="O26" s="3"/>
    </row>
    <row r="27" spans="2:15" ht="18.95" customHeight="1">
      <c r="B27" s="100"/>
      <c r="C27" s="105" t="s">
        <v>23</v>
      </c>
      <c r="D27" s="106"/>
      <c r="E27" s="107">
        <v>-62</v>
      </c>
      <c r="F27" s="108">
        <v>-5</v>
      </c>
      <c r="G27" s="108">
        <v>26</v>
      </c>
      <c r="H27" s="108">
        <v>31</v>
      </c>
      <c r="I27" s="108">
        <v>-57</v>
      </c>
      <c r="J27" s="108">
        <v>86</v>
      </c>
      <c r="K27" s="108">
        <v>143</v>
      </c>
      <c r="L27" s="109">
        <v>-0.14653399825104585</v>
      </c>
      <c r="M27" s="110">
        <v>96.9</v>
      </c>
      <c r="N27" s="111">
        <v>0.5</v>
      </c>
      <c r="O27" s="3"/>
    </row>
    <row r="28" spans="2:15" ht="18.95" customHeight="1">
      <c r="B28" s="6"/>
      <c r="C28" s="21" t="s">
        <v>24</v>
      </c>
      <c r="D28" s="7"/>
      <c r="E28" s="8">
        <v>-53</v>
      </c>
      <c r="F28" s="9">
        <v>-9</v>
      </c>
      <c r="G28" s="9">
        <v>61</v>
      </c>
      <c r="H28" s="9">
        <v>70</v>
      </c>
      <c r="I28" s="9">
        <v>-44</v>
      </c>
      <c r="J28" s="9">
        <v>319</v>
      </c>
      <c r="K28" s="9">
        <v>363</v>
      </c>
      <c r="L28" s="25">
        <v>-6.2923696114164956E-2</v>
      </c>
      <c r="M28" s="10">
        <v>103.7</v>
      </c>
      <c r="N28" s="23">
        <v>0.9</v>
      </c>
      <c r="O28" s="3"/>
    </row>
    <row r="29" spans="2:15" ht="18.95" customHeight="1">
      <c r="B29" s="100"/>
      <c r="C29" s="105" t="s">
        <v>31</v>
      </c>
      <c r="D29" s="106"/>
      <c r="E29" s="107">
        <v>-24</v>
      </c>
      <c r="F29" s="108">
        <v>-18</v>
      </c>
      <c r="G29" s="108">
        <v>11</v>
      </c>
      <c r="H29" s="108">
        <v>29</v>
      </c>
      <c r="I29" s="108">
        <v>-6</v>
      </c>
      <c r="J29" s="108">
        <v>100</v>
      </c>
      <c r="K29" s="108">
        <v>106</v>
      </c>
      <c r="L29" s="109">
        <v>-7.5334295938225881E-2</v>
      </c>
      <c r="M29" s="110">
        <v>89.7</v>
      </c>
      <c r="N29" s="111">
        <v>0.3</v>
      </c>
      <c r="O29" s="3"/>
    </row>
    <row r="30" spans="2:15" ht="18.95" customHeight="1">
      <c r="B30" s="6"/>
      <c r="C30" s="21" t="s">
        <v>32</v>
      </c>
      <c r="D30" s="7"/>
      <c r="E30" s="8">
        <v>-16</v>
      </c>
      <c r="F30" s="9">
        <v>-23</v>
      </c>
      <c r="G30" s="9">
        <v>25</v>
      </c>
      <c r="H30" s="9">
        <v>48</v>
      </c>
      <c r="I30" s="9">
        <v>7</v>
      </c>
      <c r="J30" s="9">
        <v>167</v>
      </c>
      <c r="K30" s="9">
        <v>160</v>
      </c>
      <c r="L30" s="25">
        <v>-3.317299718029524E-2</v>
      </c>
      <c r="M30" s="10">
        <v>102.6</v>
      </c>
      <c r="N30" s="23">
        <v>0.5</v>
      </c>
      <c r="O30" s="3"/>
    </row>
    <row r="31" spans="2:15" ht="18.95" customHeight="1">
      <c r="B31" s="100"/>
      <c r="C31" s="105" t="s">
        <v>33</v>
      </c>
      <c r="D31" s="106"/>
      <c r="E31" s="107">
        <v>-8</v>
      </c>
      <c r="F31" s="108">
        <v>-15</v>
      </c>
      <c r="G31" s="108">
        <v>17</v>
      </c>
      <c r="H31" s="108">
        <v>32</v>
      </c>
      <c r="I31" s="108">
        <v>7</v>
      </c>
      <c r="J31" s="108">
        <v>98</v>
      </c>
      <c r="K31" s="108">
        <v>91</v>
      </c>
      <c r="L31" s="109">
        <v>-2.5423459497251086E-2</v>
      </c>
      <c r="M31" s="110">
        <v>95.4</v>
      </c>
      <c r="N31" s="111">
        <v>0.3</v>
      </c>
      <c r="O31" s="3"/>
    </row>
    <row r="32" spans="2:15" ht="18.95" customHeight="1">
      <c r="B32" s="6"/>
      <c r="C32" s="21" t="s">
        <v>34</v>
      </c>
      <c r="D32" s="7"/>
      <c r="E32" s="8">
        <v>-10</v>
      </c>
      <c r="F32" s="9">
        <v>-14</v>
      </c>
      <c r="G32" s="9">
        <v>12</v>
      </c>
      <c r="H32" s="9">
        <v>26</v>
      </c>
      <c r="I32" s="9">
        <v>4</v>
      </c>
      <c r="J32" s="9">
        <v>76</v>
      </c>
      <c r="K32" s="9">
        <v>72</v>
      </c>
      <c r="L32" s="25">
        <v>-3.5817901787313304E-2</v>
      </c>
      <c r="M32" s="10">
        <v>93.1</v>
      </c>
      <c r="N32" s="23">
        <v>0.3</v>
      </c>
      <c r="O32" s="3"/>
    </row>
    <row r="33" spans="1:15" ht="18.95" customHeight="1">
      <c r="B33" s="100"/>
      <c r="C33" s="105" t="s">
        <v>35</v>
      </c>
      <c r="D33" s="106"/>
      <c r="E33" s="107">
        <v>0</v>
      </c>
      <c r="F33" s="108">
        <v>-3</v>
      </c>
      <c r="G33" s="108">
        <v>3</v>
      </c>
      <c r="H33" s="108">
        <v>6</v>
      </c>
      <c r="I33" s="108">
        <v>3</v>
      </c>
      <c r="J33" s="108">
        <v>16</v>
      </c>
      <c r="K33" s="108">
        <v>13</v>
      </c>
      <c r="L33" s="109">
        <v>0</v>
      </c>
      <c r="M33" s="110">
        <v>100.7</v>
      </c>
      <c r="N33" s="111">
        <v>0.1</v>
      </c>
      <c r="O33" s="3"/>
    </row>
    <row r="34" spans="1:15" ht="18.95" customHeight="1">
      <c r="B34" s="6"/>
      <c r="C34" s="21" t="s">
        <v>36</v>
      </c>
      <c r="D34" s="7"/>
      <c r="E34" s="8">
        <v>31</v>
      </c>
      <c r="F34" s="9">
        <v>-2</v>
      </c>
      <c r="G34" s="9">
        <v>12</v>
      </c>
      <c r="H34" s="9">
        <v>14</v>
      </c>
      <c r="I34" s="9">
        <v>33</v>
      </c>
      <c r="J34" s="9">
        <v>68</v>
      </c>
      <c r="K34" s="9">
        <v>35</v>
      </c>
      <c r="L34" s="25">
        <v>0.18264302126907442</v>
      </c>
      <c r="M34" s="10">
        <v>99.1</v>
      </c>
      <c r="N34" s="23">
        <v>0.2</v>
      </c>
      <c r="O34" s="3"/>
    </row>
    <row r="35" spans="1:15" ht="18.95" customHeight="1">
      <c r="B35" s="100"/>
      <c r="C35" s="105" t="s">
        <v>37</v>
      </c>
      <c r="D35" s="106"/>
      <c r="E35" s="107">
        <v>-26</v>
      </c>
      <c r="F35" s="108">
        <v>-5</v>
      </c>
      <c r="G35" s="108">
        <v>4</v>
      </c>
      <c r="H35" s="108">
        <v>9</v>
      </c>
      <c r="I35" s="108">
        <v>-21</v>
      </c>
      <c r="J35" s="108">
        <v>98</v>
      </c>
      <c r="K35" s="108">
        <v>119</v>
      </c>
      <c r="L35" s="109">
        <v>-0.23690205011389523</v>
      </c>
      <c r="M35" s="110">
        <v>97.2</v>
      </c>
      <c r="N35" s="111">
        <v>0.1</v>
      </c>
      <c r="O35" s="3"/>
    </row>
    <row r="36" spans="1:15" ht="18.95" customHeight="1">
      <c r="B36" s="6"/>
      <c r="C36" s="21" t="s">
        <v>38</v>
      </c>
      <c r="D36" s="7"/>
      <c r="E36" s="8">
        <v>-40</v>
      </c>
      <c r="F36" s="9">
        <v>-10</v>
      </c>
      <c r="G36" s="9">
        <v>2</v>
      </c>
      <c r="H36" s="9">
        <v>12</v>
      </c>
      <c r="I36" s="9">
        <v>-30</v>
      </c>
      <c r="J36" s="9">
        <v>5</v>
      </c>
      <c r="K36" s="9">
        <v>35</v>
      </c>
      <c r="L36" s="25">
        <v>-0.40310390003023278</v>
      </c>
      <c r="M36" s="10">
        <v>96.2</v>
      </c>
      <c r="N36" s="23">
        <v>0.1</v>
      </c>
      <c r="O36" s="3"/>
    </row>
    <row r="37" spans="1:15" ht="18.95" customHeight="1">
      <c r="B37" s="100"/>
      <c r="C37" s="105" t="s">
        <v>39</v>
      </c>
      <c r="D37" s="106"/>
      <c r="E37" s="107">
        <v>24</v>
      </c>
      <c r="F37" s="108">
        <v>-9</v>
      </c>
      <c r="G37" s="108">
        <v>9</v>
      </c>
      <c r="H37" s="108">
        <v>18</v>
      </c>
      <c r="I37" s="108">
        <v>33</v>
      </c>
      <c r="J37" s="108">
        <v>76</v>
      </c>
      <c r="K37" s="108">
        <v>43</v>
      </c>
      <c r="L37" s="109">
        <v>0.13533325814818992</v>
      </c>
      <c r="M37" s="110">
        <v>94.8</v>
      </c>
      <c r="N37" s="111">
        <v>0.2</v>
      </c>
      <c r="O37" s="3"/>
    </row>
    <row r="38" spans="1:15" ht="18.95" customHeight="1">
      <c r="B38" s="6"/>
      <c r="C38" s="21" t="s">
        <v>40</v>
      </c>
      <c r="D38" s="7"/>
      <c r="E38" s="8">
        <v>-28</v>
      </c>
      <c r="F38" s="9">
        <v>-8</v>
      </c>
      <c r="G38" s="9">
        <v>6</v>
      </c>
      <c r="H38" s="9">
        <v>14</v>
      </c>
      <c r="I38" s="9">
        <v>-20</v>
      </c>
      <c r="J38" s="9">
        <v>107</v>
      </c>
      <c r="K38" s="9">
        <v>127</v>
      </c>
      <c r="L38" s="25">
        <v>-0.2458512599877074</v>
      </c>
      <c r="M38" s="10">
        <v>90.8</v>
      </c>
      <c r="N38" s="23">
        <v>0.1</v>
      </c>
      <c r="O38" s="3"/>
    </row>
    <row r="39" spans="1:15" ht="18.95" customHeight="1">
      <c r="B39" s="100"/>
      <c r="C39" s="105" t="s">
        <v>41</v>
      </c>
      <c r="D39" s="106"/>
      <c r="E39" s="107">
        <v>-19</v>
      </c>
      <c r="F39" s="108">
        <v>-7</v>
      </c>
      <c r="G39" s="108">
        <v>0</v>
      </c>
      <c r="H39" s="108">
        <v>7</v>
      </c>
      <c r="I39" s="108">
        <v>-12</v>
      </c>
      <c r="J39" s="108">
        <v>12</v>
      </c>
      <c r="K39" s="108">
        <v>24</v>
      </c>
      <c r="L39" s="109">
        <v>-0.27298850574712641</v>
      </c>
      <c r="M39" s="110">
        <v>87.9</v>
      </c>
      <c r="N39" s="111">
        <v>0.1</v>
      </c>
      <c r="O39" s="3"/>
    </row>
    <row r="40" spans="1:15" ht="18.95" customHeight="1">
      <c r="B40" s="6"/>
      <c r="C40" s="21" t="s">
        <v>42</v>
      </c>
      <c r="D40" s="7"/>
      <c r="E40" s="8">
        <v>5</v>
      </c>
      <c r="F40" s="9">
        <v>-15</v>
      </c>
      <c r="G40" s="9">
        <v>9</v>
      </c>
      <c r="H40" s="9">
        <v>24</v>
      </c>
      <c r="I40" s="9">
        <v>20</v>
      </c>
      <c r="J40" s="9">
        <v>96</v>
      </c>
      <c r="K40" s="9">
        <v>76</v>
      </c>
      <c r="L40" s="25">
        <v>2.069108214359611E-2</v>
      </c>
      <c r="M40" s="10">
        <v>86.7</v>
      </c>
      <c r="N40" s="23">
        <v>0.3</v>
      </c>
      <c r="O40" s="3"/>
    </row>
    <row r="41" spans="1:15" ht="18.95" customHeight="1">
      <c r="B41" s="100"/>
      <c r="C41" s="105" t="s">
        <v>43</v>
      </c>
      <c r="D41" s="106"/>
      <c r="E41" s="107">
        <v>-26</v>
      </c>
      <c r="F41" s="108">
        <v>-14</v>
      </c>
      <c r="G41" s="108">
        <v>20</v>
      </c>
      <c r="H41" s="108">
        <v>34</v>
      </c>
      <c r="I41" s="108">
        <v>-12</v>
      </c>
      <c r="J41" s="108">
        <v>139</v>
      </c>
      <c r="K41" s="108">
        <v>151</v>
      </c>
      <c r="L41" s="109">
        <v>-6.5372623956552342E-2</v>
      </c>
      <c r="M41" s="110">
        <v>108.8</v>
      </c>
      <c r="N41" s="111">
        <v>0.4</v>
      </c>
      <c r="O41" s="3"/>
    </row>
    <row r="42" spans="1:15" ht="18.95" customHeight="1" thickBot="1">
      <c r="A42" s="14"/>
      <c r="B42" s="6"/>
      <c r="C42" s="21" t="s">
        <v>44</v>
      </c>
      <c r="D42" s="7"/>
      <c r="E42" s="11">
        <v>-1</v>
      </c>
      <c r="F42" s="12">
        <v>-2</v>
      </c>
      <c r="G42" s="12">
        <v>3</v>
      </c>
      <c r="H42" s="12">
        <v>5</v>
      </c>
      <c r="I42" s="12">
        <v>1</v>
      </c>
      <c r="J42" s="12">
        <v>5</v>
      </c>
      <c r="K42" s="12">
        <v>4</v>
      </c>
      <c r="L42" s="26">
        <v>-3.1816735602927138E-2</v>
      </c>
      <c r="M42" s="13">
        <v>104.2</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81</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82</v>
      </c>
      <c r="G3" s="91"/>
      <c r="H3" s="91"/>
      <c r="I3" s="161" t="s">
        <v>83</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1186</v>
      </c>
      <c r="F6" s="18">
        <v>-1310</v>
      </c>
      <c r="G6" s="18">
        <v>5648</v>
      </c>
      <c r="H6" s="18">
        <v>6958</v>
      </c>
      <c r="I6" s="18">
        <v>124</v>
      </c>
      <c r="J6" s="18">
        <v>33648</v>
      </c>
      <c r="K6" s="18">
        <v>33524</v>
      </c>
      <c r="L6" s="27">
        <v>-1.2914807894410447E-2</v>
      </c>
      <c r="M6" s="19">
        <v>99.4</v>
      </c>
      <c r="N6" s="22">
        <v>100</v>
      </c>
      <c r="O6" s="3"/>
    </row>
    <row r="7" spans="2:15" ht="18.95" customHeight="1">
      <c r="B7" s="100"/>
      <c r="C7" s="105" t="s">
        <v>4</v>
      </c>
      <c r="D7" s="106"/>
      <c r="E7" s="107">
        <v>-984</v>
      </c>
      <c r="F7" s="108">
        <v>-1176</v>
      </c>
      <c r="G7" s="108">
        <v>5520</v>
      </c>
      <c r="H7" s="108">
        <v>6696</v>
      </c>
      <c r="I7" s="108">
        <v>192</v>
      </c>
      <c r="J7" s="108">
        <v>32639</v>
      </c>
      <c r="K7" s="108">
        <v>32447</v>
      </c>
      <c r="L7" s="109">
        <v>-1.1064345013263721E-2</v>
      </c>
      <c r="M7" s="110">
        <v>99.5</v>
      </c>
      <c r="N7" s="111">
        <v>96.8</v>
      </c>
      <c r="O7" s="3"/>
    </row>
    <row r="8" spans="2:15" ht="18.95" customHeight="1">
      <c r="B8" s="100"/>
      <c r="C8" s="105" t="s">
        <v>5</v>
      </c>
      <c r="D8" s="106"/>
      <c r="E8" s="107">
        <v>-202</v>
      </c>
      <c r="F8" s="108">
        <v>-134</v>
      </c>
      <c r="G8" s="108">
        <v>128</v>
      </c>
      <c r="H8" s="108">
        <v>262</v>
      </c>
      <c r="I8" s="108">
        <v>-68</v>
      </c>
      <c r="J8" s="108">
        <v>1009</v>
      </c>
      <c r="K8" s="108">
        <v>1077</v>
      </c>
      <c r="L8" s="109">
        <v>-6.9697231087725353E-2</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510</v>
      </c>
      <c r="F10" s="9">
        <v>-403</v>
      </c>
      <c r="G10" s="9">
        <v>2368</v>
      </c>
      <c r="H10" s="9">
        <v>2771</v>
      </c>
      <c r="I10" s="9">
        <v>-107</v>
      </c>
      <c r="J10" s="9">
        <v>15111</v>
      </c>
      <c r="K10" s="9">
        <v>15218</v>
      </c>
      <c r="L10" s="25">
        <v>-1.3629931329198921E-2</v>
      </c>
      <c r="M10" s="10">
        <v>98.8</v>
      </c>
      <c r="N10" s="23">
        <v>40.700000000000003</v>
      </c>
      <c r="O10" s="3"/>
    </row>
    <row r="11" spans="2:15" ht="18.95" customHeight="1">
      <c r="B11" s="100"/>
      <c r="C11" s="105" t="s">
        <v>7</v>
      </c>
      <c r="D11" s="106"/>
      <c r="E11" s="107">
        <v>78</v>
      </c>
      <c r="F11" s="108">
        <v>178</v>
      </c>
      <c r="G11" s="108">
        <v>1096</v>
      </c>
      <c r="H11" s="108">
        <v>918</v>
      </c>
      <c r="I11" s="108">
        <v>-100</v>
      </c>
      <c r="J11" s="108">
        <v>7070</v>
      </c>
      <c r="K11" s="108">
        <v>7170</v>
      </c>
      <c r="L11" s="109">
        <v>5.1393352862807423E-3</v>
      </c>
      <c r="M11" s="110">
        <v>102.6</v>
      </c>
      <c r="N11" s="111">
        <v>16.5</v>
      </c>
      <c r="O11" s="3"/>
    </row>
    <row r="12" spans="2:15" ht="18.95" customHeight="1">
      <c r="B12" s="6"/>
      <c r="C12" s="21" t="s">
        <v>15</v>
      </c>
      <c r="D12" s="7"/>
      <c r="E12" s="8">
        <v>-182</v>
      </c>
      <c r="F12" s="9">
        <v>-165</v>
      </c>
      <c r="G12" s="9">
        <v>391</v>
      </c>
      <c r="H12" s="9">
        <v>556</v>
      </c>
      <c r="I12" s="9">
        <v>-17</v>
      </c>
      <c r="J12" s="9">
        <v>2294</v>
      </c>
      <c r="K12" s="9">
        <v>2311</v>
      </c>
      <c r="L12" s="25">
        <v>-2.5169374679332487E-2</v>
      </c>
      <c r="M12" s="10">
        <v>100.1</v>
      </c>
      <c r="N12" s="23">
        <v>7.9</v>
      </c>
      <c r="O12" s="3"/>
    </row>
    <row r="13" spans="2:15" ht="18.95" customHeight="1">
      <c r="B13" s="100"/>
      <c r="C13" s="105" t="s">
        <v>8</v>
      </c>
      <c r="D13" s="106"/>
      <c r="E13" s="107">
        <v>-265</v>
      </c>
      <c r="F13" s="108">
        <v>-209</v>
      </c>
      <c r="G13" s="108">
        <v>199</v>
      </c>
      <c r="H13" s="108">
        <v>408</v>
      </c>
      <c r="I13" s="108">
        <v>-56</v>
      </c>
      <c r="J13" s="108">
        <v>737</v>
      </c>
      <c r="K13" s="108">
        <v>793</v>
      </c>
      <c r="L13" s="109">
        <v>-6.6661635599828947E-2</v>
      </c>
      <c r="M13" s="110">
        <v>99.6</v>
      </c>
      <c r="N13" s="111">
        <v>4.3</v>
      </c>
      <c r="O13" s="3"/>
    </row>
    <row r="14" spans="2:15" ht="18.95" customHeight="1">
      <c r="B14" s="6"/>
      <c r="C14" s="21" t="s">
        <v>9</v>
      </c>
      <c r="D14" s="7"/>
      <c r="E14" s="8">
        <v>-69</v>
      </c>
      <c r="F14" s="9">
        <v>-81</v>
      </c>
      <c r="G14" s="9">
        <v>145</v>
      </c>
      <c r="H14" s="9">
        <v>226</v>
      </c>
      <c r="I14" s="9">
        <v>12</v>
      </c>
      <c r="J14" s="9">
        <v>609</v>
      </c>
      <c r="K14" s="9">
        <v>597</v>
      </c>
      <c r="L14" s="25">
        <v>-2.674180208741081E-2</v>
      </c>
      <c r="M14" s="10">
        <v>100.4</v>
      </c>
      <c r="N14" s="23">
        <v>2.8</v>
      </c>
      <c r="O14" s="3"/>
    </row>
    <row r="15" spans="2:15" ht="18.95" customHeight="1">
      <c r="B15" s="100"/>
      <c r="C15" s="105" t="s">
        <v>10</v>
      </c>
      <c r="D15" s="106"/>
      <c r="E15" s="107">
        <v>37</v>
      </c>
      <c r="F15" s="108">
        <v>-90</v>
      </c>
      <c r="G15" s="108">
        <v>79</v>
      </c>
      <c r="H15" s="108">
        <v>169</v>
      </c>
      <c r="I15" s="108">
        <v>127</v>
      </c>
      <c r="J15" s="108">
        <v>543</v>
      </c>
      <c r="K15" s="108">
        <v>416</v>
      </c>
      <c r="L15" s="109">
        <v>2.1484023435005023E-2</v>
      </c>
      <c r="M15" s="110">
        <v>88.8</v>
      </c>
      <c r="N15" s="111">
        <v>1.9</v>
      </c>
      <c r="O15" s="3"/>
    </row>
    <row r="16" spans="2:15" ht="18.95" customHeight="1">
      <c r="B16" s="6"/>
      <c r="C16" s="21" t="s">
        <v>11</v>
      </c>
      <c r="D16" s="7"/>
      <c r="E16" s="8">
        <v>106</v>
      </c>
      <c r="F16" s="9">
        <v>-41</v>
      </c>
      <c r="G16" s="9">
        <v>269</v>
      </c>
      <c r="H16" s="9">
        <v>310</v>
      </c>
      <c r="I16" s="9">
        <v>147</v>
      </c>
      <c r="J16" s="9">
        <v>1271</v>
      </c>
      <c r="K16" s="9">
        <v>1124</v>
      </c>
      <c r="L16" s="25">
        <v>2.4557160265588004E-2</v>
      </c>
      <c r="M16" s="10">
        <v>97.8</v>
      </c>
      <c r="N16" s="23">
        <v>4.7</v>
      </c>
      <c r="O16" s="3"/>
    </row>
    <row r="17" spans="2:15" ht="18.95" customHeight="1">
      <c r="B17" s="100"/>
      <c r="C17" s="105" t="s">
        <v>12</v>
      </c>
      <c r="D17" s="106"/>
      <c r="E17" s="107">
        <v>-4</v>
      </c>
      <c r="F17" s="108">
        <v>-49</v>
      </c>
      <c r="G17" s="108">
        <v>118</v>
      </c>
      <c r="H17" s="108">
        <v>167</v>
      </c>
      <c r="I17" s="108">
        <v>45</v>
      </c>
      <c r="J17" s="108">
        <v>485</v>
      </c>
      <c r="K17" s="108">
        <v>440</v>
      </c>
      <c r="L17" s="109">
        <v>-2.0929040089576289E-3</v>
      </c>
      <c r="M17" s="110">
        <v>94.7</v>
      </c>
      <c r="N17" s="111">
        <v>2.1</v>
      </c>
      <c r="O17" s="3"/>
    </row>
    <row r="18" spans="2:15" ht="18.95" customHeight="1">
      <c r="B18" s="6"/>
      <c r="C18" s="21" t="s">
        <v>13</v>
      </c>
      <c r="D18" s="7"/>
      <c r="E18" s="8">
        <v>-27</v>
      </c>
      <c r="F18" s="9">
        <v>-26</v>
      </c>
      <c r="G18" s="9">
        <v>152</v>
      </c>
      <c r="H18" s="9">
        <v>178</v>
      </c>
      <c r="I18" s="9">
        <v>-1</v>
      </c>
      <c r="J18" s="9">
        <v>605</v>
      </c>
      <c r="K18" s="9">
        <v>606</v>
      </c>
      <c r="L18" s="25">
        <v>-1.1154812268640931E-2</v>
      </c>
      <c r="M18" s="10">
        <v>94.9</v>
      </c>
      <c r="N18" s="23">
        <v>2.6</v>
      </c>
      <c r="O18" s="3"/>
    </row>
    <row r="19" spans="2:15" ht="18.95" customHeight="1">
      <c r="B19" s="100"/>
      <c r="C19" s="105" t="s">
        <v>14</v>
      </c>
      <c r="D19" s="106"/>
      <c r="E19" s="107">
        <v>-45</v>
      </c>
      <c r="F19" s="108">
        <v>-28</v>
      </c>
      <c r="G19" s="108">
        <v>31</v>
      </c>
      <c r="H19" s="108">
        <v>59</v>
      </c>
      <c r="I19" s="108">
        <v>-17</v>
      </c>
      <c r="J19" s="108">
        <v>170</v>
      </c>
      <c r="K19" s="108">
        <v>187</v>
      </c>
      <c r="L19" s="109">
        <v>-7.8822911192853395E-2</v>
      </c>
      <c r="M19" s="110">
        <v>87.8</v>
      </c>
      <c r="N19" s="111">
        <v>0.6</v>
      </c>
      <c r="O19" s="3"/>
    </row>
    <row r="20" spans="2:15" ht="18.95" customHeight="1">
      <c r="B20" s="6"/>
      <c r="C20" s="21" t="s">
        <v>16</v>
      </c>
      <c r="D20" s="7"/>
      <c r="E20" s="8">
        <v>-67</v>
      </c>
      <c r="F20" s="9">
        <v>-58</v>
      </c>
      <c r="G20" s="9">
        <v>8</v>
      </c>
      <c r="H20" s="9">
        <v>66</v>
      </c>
      <c r="I20" s="9">
        <v>-9</v>
      </c>
      <c r="J20" s="9">
        <v>102</v>
      </c>
      <c r="K20" s="9">
        <v>111</v>
      </c>
      <c r="L20" s="25">
        <v>-0.1553767305953016</v>
      </c>
      <c r="M20" s="10">
        <v>92.3</v>
      </c>
      <c r="N20" s="23">
        <v>0.5</v>
      </c>
      <c r="O20" s="3"/>
    </row>
    <row r="21" spans="2:15" ht="18.95" customHeight="1">
      <c r="B21" s="100"/>
      <c r="C21" s="105" t="s">
        <v>17</v>
      </c>
      <c r="D21" s="106"/>
      <c r="E21" s="107">
        <v>-68</v>
      </c>
      <c r="F21" s="108">
        <v>-38</v>
      </c>
      <c r="G21" s="108">
        <v>83</v>
      </c>
      <c r="H21" s="108">
        <v>121</v>
      </c>
      <c r="I21" s="108">
        <v>-30</v>
      </c>
      <c r="J21" s="108">
        <v>369</v>
      </c>
      <c r="K21" s="108">
        <v>399</v>
      </c>
      <c r="L21" s="109">
        <v>-4.1096801097526336E-2</v>
      </c>
      <c r="M21" s="110">
        <v>104.8</v>
      </c>
      <c r="N21" s="111">
        <v>1.8</v>
      </c>
      <c r="O21" s="3"/>
    </row>
    <row r="22" spans="2:15" ht="18.95" customHeight="1">
      <c r="B22" s="6"/>
      <c r="C22" s="21" t="s">
        <v>18</v>
      </c>
      <c r="D22" s="7"/>
      <c r="E22" s="8">
        <v>-37</v>
      </c>
      <c r="F22" s="9">
        <v>-56</v>
      </c>
      <c r="G22" s="9">
        <v>122</v>
      </c>
      <c r="H22" s="9">
        <v>178</v>
      </c>
      <c r="I22" s="9">
        <v>19</v>
      </c>
      <c r="J22" s="9">
        <v>719</v>
      </c>
      <c r="K22" s="9">
        <v>700</v>
      </c>
      <c r="L22" s="25">
        <v>-1.6419268233153608E-2</v>
      </c>
      <c r="M22" s="10">
        <v>107.1</v>
      </c>
      <c r="N22" s="23">
        <v>2.5</v>
      </c>
      <c r="O22" s="3"/>
    </row>
    <row r="23" spans="2:15" ht="18.95" customHeight="1">
      <c r="B23" s="100"/>
      <c r="C23" s="105" t="s">
        <v>19</v>
      </c>
      <c r="D23" s="106"/>
      <c r="E23" s="107">
        <v>-78</v>
      </c>
      <c r="F23" s="108">
        <v>-31</v>
      </c>
      <c r="G23" s="108">
        <v>165</v>
      </c>
      <c r="H23" s="108">
        <v>196</v>
      </c>
      <c r="I23" s="108">
        <v>-47</v>
      </c>
      <c r="J23" s="108">
        <v>799</v>
      </c>
      <c r="K23" s="108">
        <v>846</v>
      </c>
      <c r="L23" s="109">
        <v>-3.3060373327908045E-2</v>
      </c>
      <c r="M23" s="110">
        <v>99.9</v>
      </c>
      <c r="N23" s="111">
        <v>2.6</v>
      </c>
      <c r="O23" s="3"/>
    </row>
    <row r="24" spans="2:15" ht="18.95" customHeight="1">
      <c r="B24" s="6"/>
      <c r="C24" s="21" t="s">
        <v>20</v>
      </c>
      <c r="D24" s="7"/>
      <c r="E24" s="8">
        <v>32</v>
      </c>
      <c r="F24" s="9">
        <v>-9</v>
      </c>
      <c r="G24" s="9">
        <v>71</v>
      </c>
      <c r="H24" s="9">
        <v>80</v>
      </c>
      <c r="I24" s="9">
        <v>41</v>
      </c>
      <c r="J24" s="9">
        <v>352</v>
      </c>
      <c r="K24" s="9">
        <v>311</v>
      </c>
      <c r="L24" s="25">
        <v>3.1227738038312532E-2</v>
      </c>
      <c r="M24" s="10">
        <v>102.9</v>
      </c>
      <c r="N24" s="23">
        <v>1.1000000000000001</v>
      </c>
      <c r="O24" s="3"/>
    </row>
    <row r="25" spans="2:15" ht="18.95" customHeight="1">
      <c r="B25" s="100"/>
      <c r="C25" s="105" t="s">
        <v>21</v>
      </c>
      <c r="D25" s="106"/>
      <c r="E25" s="107">
        <v>44</v>
      </c>
      <c r="F25" s="108">
        <v>10</v>
      </c>
      <c r="G25" s="108">
        <v>95</v>
      </c>
      <c r="H25" s="108">
        <v>85</v>
      </c>
      <c r="I25" s="108">
        <v>34</v>
      </c>
      <c r="J25" s="108">
        <v>425</v>
      </c>
      <c r="K25" s="108">
        <v>391</v>
      </c>
      <c r="L25" s="109">
        <v>3.3153001100076858E-2</v>
      </c>
      <c r="M25" s="110">
        <v>101.5</v>
      </c>
      <c r="N25" s="111">
        <v>1.4</v>
      </c>
      <c r="O25" s="3"/>
    </row>
    <row r="26" spans="2:15" ht="18.95" customHeight="1">
      <c r="B26" s="6"/>
      <c r="C26" s="21" t="s">
        <v>22</v>
      </c>
      <c r="D26" s="7"/>
      <c r="E26" s="8">
        <v>75</v>
      </c>
      <c r="F26" s="9">
        <v>-18</v>
      </c>
      <c r="G26" s="9">
        <v>73</v>
      </c>
      <c r="H26" s="9">
        <v>91</v>
      </c>
      <c r="I26" s="9">
        <v>93</v>
      </c>
      <c r="J26" s="9">
        <v>534</v>
      </c>
      <c r="K26" s="9">
        <v>441</v>
      </c>
      <c r="L26" s="25">
        <v>5.7824414238683765E-2</v>
      </c>
      <c r="M26" s="10">
        <v>99.6</v>
      </c>
      <c r="N26" s="23">
        <v>1.4</v>
      </c>
      <c r="O26" s="3"/>
    </row>
    <row r="27" spans="2:15" ht="18.95" customHeight="1">
      <c r="B27" s="100"/>
      <c r="C27" s="105" t="s">
        <v>23</v>
      </c>
      <c r="D27" s="106"/>
      <c r="E27" s="107">
        <v>-73</v>
      </c>
      <c r="F27" s="108">
        <v>-30</v>
      </c>
      <c r="G27" s="108">
        <v>16</v>
      </c>
      <c r="H27" s="108">
        <v>46</v>
      </c>
      <c r="I27" s="108">
        <v>-43</v>
      </c>
      <c r="J27" s="108">
        <v>87</v>
      </c>
      <c r="K27" s="108">
        <v>130</v>
      </c>
      <c r="L27" s="109">
        <v>-0.17278515467821723</v>
      </c>
      <c r="M27" s="110">
        <v>97</v>
      </c>
      <c r="N27" s="111">
        <v>0.5</v>
      </c>
      <c r="O27" s="3"/>
    </row>
    <row r="28" spans="2:15" ht="18.95" customHeight="1">
      <c r="B28" s="6"/>
      <c r="C28" s="21" t="s">
        <v>24</v>
      </c>
      <c r="D28" s="7"/>
      <c r="E28" s="8">
        <v>69</v>
      </c>
      <c r="F28" s="9">
        <v>-32</v>
      </c>
      <c r="G28" s="9">
        <v>39</v>
      </c>
      <c r="H28" s="9">
        <v>71</v>
      </c>
      <c r="I28" s="9">
        <v>101</v>
      </c>
      <c r="J28" s="9">
        <v>357</v>
      </c>
      <c r="K28" s="9">
        <v>256</v>
      </c>
      <c r="L28" s="25">
        <v>8.1971108154343275E-2</v>
      </c>
      <c r="M28" s="10">
        <v>103.6</v>
      </c>
      <c r="N28" s="23">
        <v>0.9</v>
      </c>
      <c r="O28" s="3"/>
    </row>
    <row r="29" spans="2:15" ht="18.95" customHeight="1">
      <c r="B29" s="100"/>
      <c r="C29" s="105" t="s">
        <v>31</v>
      </c>
      <c r="D29" s="106"/>
      <c r="E29" s="107">
        <v>-15</v>
      </c>
      <c r="F29" s="108">
        <v>-19</v>
      </c>
      <c r="G29" s="108">
        <v>13</v>
      </c>
      <c r="H29" s="108">
        <v>32</v>
      </c>
      <c r="I29" s="108">
        <v>4</v>
      </c>
      <c r="J29" s="108">
        <v>106</v>
      </c>
      <c r="K29" s="108">
        <v>102</v>
      </c>
      <c r="L29" s="109">
        <v>-4.7119432053778984E-2</v>
      </c>
      <c r="M29" s="110">
        <v>89.7</v>
      </c>
      <c r="N29" s="111">
        <v>0.3</v>
      </c>
      <c r="O29" s="3"/>
    </row>
    <row r="30" spans="2:15" ht="18.95" customHeight="1">
      <c r="B30" s="6"/>
      <c r="C30" s="21" t="s">
        <v>32</v>
      </c>
      <c r="D30" s="7"/>
      <c r="E30" s="8">
        <v>73</v>
      </c>
      <c r="F30" s="9">
        <v>6</v>
      </c>
      <c r="G30" s="9">
        <v>31</v>
      </c>
      <c r="H30" s="9">
        <v>25</v>
      </c>
      <c r="I30" s="9">
        <v>67</v>
      </c>
      <c r="J30" s="9">
        <v>191</v>
      </c>
      <c r="K30" s="9">
        <v>124</v>
      </c>
      <c r="L30" s="25">
        <v>0.15140202422432386</v>
      </c>
      <c r="M30" s="10">
        <v>102.5</v>
      </c>
      <c r="N30" s="23">
        <v>0.5</v>
      </c>
      <c r="O30" s="3"/>
    </row>
    <row r="31" spans="2:15" ht="18.95" customHeight="1">
      <c r="B31" s="100"/>
      <c r="C31" s="105" t="s">
        <v>33</v>
      </c>
      <c r="D31" s="106"/>
      <c r="E31" s="107">
        <v>-34</v>
      </c>
      <c r="F31" s="108">
        <v>-21</v>
      </c>
      <c r="G31" s="108">
        <v>9</v>
      </c>
      <c r="H31" s="108">
        <v>30</v>
      </c>
      <c r="I31" s="108">
        <v>-13</v>
      </c>
      <c r="J31" s="108">
        <v>78</v>
      </c>
      <c r="K31" s="108">
        <v>91</v>
      </c>
      <c r="L31" s="109">
        <v>-0.10807717982135479</v>
      </c>
      <c r="M31" s="110">
        <v>95.5</v>
      </c>
      <c r="N31" s="111">
        <v>0.3</v>
      </c>
      <c r="O31" s="3"/>
    </row>
    <row r="32" spans="2:15" ht="18.95" customHeight="1">
      <c r="B32" s="6"/>
      <c r="C32" s="21" t="s">
        <v>34</v>
      </c>
      <c r="D32" s="7"/>
      <c r="E32" s="8">
        <v>-6</v>
      </c>
      <c r="F32" s="9">
        <v>-12</v>
      </c>
      <c r="G32" s="9">
        <v>9</v>
      </c>
      <c r="H32" s="9">
        <v>21</v>
      </c>
      <c r="I32" s="9">
        <v>6</v>
      </c>
      <c r="J32" s="9">
        <v>65</v>
      </c>
      <c r="K32" s="9">
        <v>59</v>
      </c>
      <c r="L32" s="25">
        <v>-2.1498441363001181E-2</v>
      </c>
      <c r="M32" s="10">
        <v>93.1</v>
      </c>
      <c r="N32" s="23">
        <v>0.3</v>
      </c>
      <c r="O32" s="3"/>
    </row>
    <row r="33" spans="1:15" ht="18.95" customHeight="1">
      <c r="B33" s="100"/>
      <c r="C33" s="105" t="s">
        <v>35</v>
      </c>
      <c r="D33" s="106"/>
      <c r="E33" s="107">
        <v>-6</v>
      </c>
      <c r="F33" s="108">
        <v>-8</v>
      </c>
      <c r="G33" s="108">
        <v>2</v>
      </c>
      <c r="H33" s="108">
        <v>10</v>
      </c>
      <c r="I33" s="108">
        <v>2</v>
      </c>
      <c r="J33" s="108">
        <v>25</v>
      </c>
      <c r="K33" s="108">
        <v>23</v>
      </c>
      <c r="L33" s="109">
        <v>-6.3471913678197392E-2</v>
      </c>
      <c r="M33" s="110">
        <v>100.7</v>
      </c>
      <c r="N33" s="111">
        <v>0.1</v>
      </c>
      <c r="O33" s="3"/>
    </row>
    <row r="34" spans="1:15" ht="18.95" customHeight="1">
      <c r="B34" s="6"/>
      <c r="C34" s="21" t="s">
        <v>36</v>
      </c>
      <c r="D34" s="7"/>
      <c r="E34" s="8">
        <v>7</v>
      </c>
      <c r="F34" s="9">
        <v>-6</v>
      </c>
      <c r="G34" s="9">
        <v>6</v>
      </c>
      <c r="H34" s="9">
        <v>12</v>
      </c>
      <c r="I34" s="9">
        <v>13</v>
      </c>
      <c r="J34" s="9">
        <v>74</v>
      </c>
      <c r="K34" s="9">
        <v>61</v>
      </c>
      <c r="L34" s="25">
        <v>4.1166784286050341E-2</v>
      </c>
      <c r="M34" s="10">
        <v>99.1</v>
      </c>
      <c r="N34" s="23">
        <v>0.2</v>
      </c>
      <c r="O34" s="3"/>
    </row>
    <row r="35" spans="1:15" ht="18.95" customHeight="1">
      <c r="B35" s="100"/>
      <c r="C35" s="105" t="s">
        <v>37</v>
      </c>
      <c r="D35" s="106"/>
      <c r="E35" s="107">
        <v>-73</v>
      </c>
      <c r="F35" s="108">
        <v>2</v>
      </c>
      <c r="G35" s="108">
        <v>10</v>
      </c>
      <c r="H35" s="108">
        <v>8</v>
      </c>
      <c r="I35" s="108">
        <v>-75</v>
      </c>
      <c r="J35" s="108">
        <v>79</v>
      </c>
      <c r="K35" s="108">
        <v>154</v>
      </c>
      <c r="L35" s="109">
        <v>-0.66672755502785641</v>
      </c>
      <c r="M35" s="110">
        <v>98.2</v>
      </c>
      <c r="N35" s="111">
        <v>0.1</v>
      </c>
      <c r="O35" s="3"/>
    </row>
    <row r="36" spans="1:15" ht="18.95" customHeight="1">
      <c r="B36" s="6"/>
      <c r="C36" s="21" t="s">
        <v>38</v>
      </c>
      <c r="D36" s="7"/>
      <c r="E36" s="8">
        <v>-21</v>
      </c>
      <c r="F36" s="9">
        <v>-17</v>
      </c>
      <c r="G36" s="9">
        <v>5</v>
      </c>
      <c r="H36" s="9">
        <v>22</v>
      </c>
      <c r="I36" s="9">
        <v>-4</v>
      </c>
      <c r="J36" s="9">
        <v>19</v>
      </c>
      <c r="K36" s="9">
        <v>23</v>
      </c>
      <c r="L36" s="25">
        <v>-0.2124860872204796</v>
      </c>
      <c r="M36" s="10">
        <v>96.4</v>
      </c>
      <c r="N36" s="23">
        <v>0.1</v>
      </c>
      <c r="O36" s="3"/>
    </row>
    <row r="37" spans="1:15" ht="18.95" customHeight="1">
      <c r="B37" s="100"/>
      <c r="C37" s="105" t="s">
        <v>39</v>
      </c>
      <c r="D37" s="106"/>
      <c r="E37" s="107">
        <v>30</v>
      </c>
      <c r="F37" s="108">
        <v>5</v>
      </c>
      <c r="G37" s="108">
        <v>11</v>
      </c>
      <c r="H37" s="108">
        <v>6</v>
      </c>
      <c r="I37" s="108">
        <v>25</v>
      </c>
      <c r="J37" s="108">
        <v>56</v>
      </c>
      <c r="K37" s="108">
        <v>31</v>
      </c>
      <c r="L37" s="109">
        <v>0.16893794346210159</v>
      </c>
      <c r="M37" s="110">
        <v>94.8</v>
      </c>
      <c r="N37" s="111">
        <v>0.2</v>
      </c>
      <c r="O37" s="3"/>
    </row>
    <row r="38" spans="1:15" ht="18.95" customHeight="1">
      <c r="B38" s="6"/>
      <c r="C38" s="21" t="s">
        <v>40</v>
      </c>
      <c r="D38" s="7"/>
      <c r="E38" s="8">
        <v>-59</v>
      </c>
      <c r="F38" s="9">
        <v>-15</v>
      </c>
      <c r="G38" s="9">
        <v>2</v>
      </c>
      <c r="H38" s="9">
        <v>17</v>
      </c>
      <c r="I38" s="9">
        <v>-44</v>
      </c>
      <c r="J38" s="9">
        <v>78</v>
      </c>
      <c r="K38" s="9">
        <v>122</v>
      </c>
      <c r="L38" s="25">
        <v>-0.51932048235190564</v>
      </c>
      <c r="M38" s="10">
        <v>90.9</v>
      </c>
      <c r="N38" s="23">
        <v>0.1</v>
      </c>
      <c r="O38" s="3"/>
    </row>
    <row r="39" spans="1:15" ht="18.95" customHeight="1">
      <c r="B39" s="100"/>
      <c r="C39" s="105" t="s">
        <v>41</v>
      </c>
      <c r="D39" s="106"/>
      <c r="E39" s="107">
        <v>-12</v>
      </c>
      <c r="F39" s="108">
        <v>-9</v>
      </c>
      <c r="G39" s="108">
        <v>3</v>
      </c>
      <c r="H39" s="108">
        <v>12</v>
      </c>
      <c r="I39" s="108">
        <v>-3</v>
      </c>
      <c r="J39" s="108">
        <v>13</v>
      </c>
      <c r="K39" s="108">
        <v>16</v>
      </c>
      <c r="L39" s="109">
        <v>-0.17288575133266101</v>
      </c>
      <c r="M39" s="110">
        <v>88</v>
      </c>
      <c r="N39" s="111">
        <v>0.1</v>
      </c>
      <c r="O39" s="3"/>
    </row>
    <row r="40" spans="1:15" ht="18.95" customHeight="1">
      <c r="B40" s="6"/>
      <c r="C40" s="21" t="s">
        <v>42</v>
      </c>
      <c r="D40" s="7"/>
      <c r="E40" s="8">
        <v>-20</v>
      </c>
      <c r="F40" s="9">
        <v>-28</v>
      </c>
      <c r="G40" s="9">
        <v>7</v>
      </c>
      <c r="H40" s="9">
        <v>35</v>
      </c>
      <c r="I40" s="9">
        <v>8</v>
      </c>
      <c r="J40" s="9">
        <v>74</v>
      </c>
      <c r="K40" s="9">
        <v>66</v>
      </c>
      <c r="L40" s="25">
        <v>-8.2747207281754234E-2</v>
      </c>
      <c r="M40" s="10">
        <v>86.6</v>
      </c>
      <c r="N40" s="23">
        <v>0.3</v>
      </c>
      <c r="O40" s="3"/>
    </row>
    <row r="41" spans="1:15" ht="18.95" customHeight="1">
      <c r="B41" s="100"/>
      <c r="C41" s="105" t="s">
        <v>43</v>
      </c>
      <c r="D41" s="106"/>
      <c r="E41" s="107">
        <v>-58</v>
      </c>
      <c r="F41" s="108">
        <v>-11</v>
      </c>
      <c r="G41" s="108">
        <v>20</v>
      </c>
      <c r="H41" s="108">
        <v>31</v>
      </c>
      <c r="I41" s="108">
        <v>-47</v>
      </c>
      <c r="J41" s="108">
        <v>147</v>
      </c>
      <c r="K41" s="108">
        <v>194</v>
      </c>
      <c r="L41" s="109">
        <v>-0.14592663412670456</v>
      </c>
      <c r="M41" s="110">
        <v>108.7</v>
      </c>
      <c r="N41" s="111">
        <v>0.4</v>
      </c>
      <c r="O41" s="3"/>
    </row>
    <row r="42" spans="1:15" ht="18.95" customHeight="1" thickBot="1">
      <c r="A42" s="14"/>
      <c r="B42" s="6"/>
      <c r="C42" s="21" t="s">
        <v>44</v>
      </c>
      <c r="D42" s="7"/>
      <c r="E42" s="11">
        <v>-8</v>
      </c>
      <c r="F42" s="12">
        <v>-1</v>
      </c>
      <c r="G42" s="12">
        <v>0</v>
      </c>
      <c r="H42" s="12">
        <v>1</v>
      </c>
      <c r="I42" s="12">
        <v>-7</v>
      </c>
      <c r="J42" s="12">
        <v>4</v>
      </c>
      <c r="K42" s="12">
        <v>11</v>
      </c>
      <c r="L42" s="26">
        <v>-0.25461489497135581</v>
      </c>
      <c r="M42" s="13">
        <v>104</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t="s">
        <v>87</v>
      </c>
      <c r="C1" s="83"/>
      <c r="D1" s="83"/>
      <c r="E1" s="156" t="s">
        <v>84</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48</v>
      </c>
      <c r="G3" s="91"/>
      <c r="H3" s="91"/>
      <c r="I3" s="161" t="s">
        <v>85</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446</v>
      </c>
      <c r="F6" s="18">
        <v>-1532</v>
      </c>
      <c r="G6" s="18">
        <v>5401</v>
      </c>
      <c r="H6" s="18">
        <v>6933</v>
      </c>
      <c r="I6" s="18">
        <v>1086</v>
      </c>
      <c r="J6" s="18">
        <v>34444</v>
      </c>
      <c r="K6" s="18">
        <v>33358</v>
      </c>
      <c r="L6" s="27">
        <v>-4.8572919987222929E-3</v>
      </c>
      <c r="M6" s="19">
        <v>99.4</v>
      </c>
      <c r="N6" s="22">
        <v>100</v>
      </c>
      <c r="O6" s="3"/>
    </row>
    <row r="7" spans="2:15" ht="18.95" customHeight="1">
      <c r="B7" s="100"/>
      <c r="C7" s="105" t="s">
        <v>4</v>
      </c>
      <c r="D7" s="106"/>
      <c r="E7" s="107">
        <v>-467</v>
      </c>
      <c r="F7" s="108">
        <v>-1393</v>
      </c>
      <c r="G7" s="108">
        <v>5271</v>
      </c>
      <c r="H7" s="108">
        <v>6664</v>
      </c>
      <c r="I7" s="108">
        <v>926</v>
      </c>
      <c r="J7" s="108">
        <v>33435</v>
      </c>
      <c r="K7" s="108">
        <v>32509</v>
      </c>
      <c r="L7" s="109">
        <v>-5.251647240444926E-3</v>
      </c>
      <c r="M7" s="110">
        <v>99.5</v>
      </c>
      <c r="N7" s="111">
        <v>96.8</v>
      </c>
      <c r="O7" s="3"/>
    </row>
    <row r="8" spans="2:15" ht="18.95" customHeight="1">
      <c r="B8" s="100"/>
      <c r="C8" s="105" t="s">
        <v>5</v>
      </c>
      <c r="D8" s="106"/>
      <c r="E8" s="107">
        <v>21</v>
      </c>
      <c r="F8" s="108">
        <v>-139</v>
      </c>
      <c r="G8" s="108">
        <v>130</v>
      </c>
      <c r="H8" s="108">
        <v>269</v>
      </c>
      <c r="I8" s="108">
        <v>160</v>
      </c>
      <c r="J8" s="108">
        <v>1009</v>
      </c>
      <c r="K8" s="108">
        <v>849</v>
      </c>
      <c r="L8" s="109">
        <v>7.2508053573093296E-3</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311</v>
      </c>
      <c r="F10" s="9">
        <v>-565</v>
      </c>
      <c r="G10" s="9">
        <v>2194</v>
      </c>
      <c r="H10" s="9">
        <v>2759</v>
      </c>
      <c r="I10" s="9">
        <v>254</v>
      </c>
      <c r="J10" s="9">
        <v>15196</v>
      </c>
      <c r="K10" s="9">
        <v>14942</v>
      </c>
      <c r="L10" s="25">
        <v>-8.3127185930924261E-3</v>
      </c>
      <c r="M10" s="10">
        <v>98.7</v>
      </c>
      <c r="N10" s="23">
        <v>40.700000000000003</v>
      </c>
      <c r="O10" s="3"/>
    </row>
    <row r="11" spans="2:15" ht="18.95" customHeight="1">
      <c r="B11" s="100"/>
      <c r="C11" s="105" t="s">
        <v>7</v>
      </c>
      <c r="D11" s="106"/>
      <c r="E11" s="107">
        <v>-28</v>
      </c>
      <c r="F11" s="108">
        <v>165</v>
      </c>
      <c r="G11" s="108">
        <v>1113</v>
      </c>
      <c r="H11" s="108">
        <v>948</v>
      </c>
      <c r="I11" s="108">
        <v>-193</v>
      </c>
      <c r="J11" s="108">
        <v>7056</v>
      </c>
      <c r="K11" s="108">
        <v>7249</v>
      </c>
      <c r="L11" s="109">
        <v>-1.8447947797578575E-3</v>
      </c>
      <c r="M11" s="110">
        <v>102.6</v>
      </c>
      <c r="N11" s="111">
        <v>16.5</v>
      </c>
      <c r="O11" s="3"/>
    </row>
    <row r="12" spans="2:15" ht="18.95" customHeight="1">
      <c r="B12" s="6"/>
      <c r="C12" s="21" t="s">
        <v>15</v>
      </c>
      <c r="D12" s="7"/>
      <c r="E12" s="8">
        <v>-56</v>
      </c>
      <c r="F12" s="9">
        <v>-205</v>
      </c>
      <c r="G12" s="9">
        <v>386</v>
      </c>
      <c r="H12" s="9">
        <v>591</v>
      </c>
      <c r="I12" s="9">
        <v>149</v>
      </c>
      <c r="J12" s="9">
        <v>2358</v>
      </c>
      <c r="K12" s="9">
        <v>2209</v>
      </c>
      <c r="L12" s="25">
        <v>-7.7463726918230117E-3</v>
      </c>
      <c r="M12" s="10">
        <v>100.1</v>
      </c>
      <c r="N12" s="23">
        <v>7.9</v>
      </c>
      <c r="O12" s="3"/>
    </row>
    <row r="13" spans="2:15" ht="18.95" customHeight="1">
      <c r="B13" s="100"/>
      <c r="C13" s="105" t="s">
        <v>8</v>
      </c>
      <c r="D13" s="106"/>
      <c r="E13" s="107">
        <v>-294</v>
      </c>
      <c r="F13" s="108">
        <v>-211</v>
      </c>
      <c r="G13" s="108">
        <v>180</v>
      </c>
      <c r="H13" s="108">
        <v>391</v>
      </c>
      <c r="I13" s="108">
        <v>-83</v>
      </c>
      <c r="J13" s="108">
        <v>841</v>
      </c>
      <c r="K13" s="108">
        <v>924</v>
      </c>
      <c r="L13" s="109">
        <v>-7.4006016135325287E-2</v>
      </c>
      <c r="M13" s="110">
        <v>99.7</v>
      </c>
      <c r="N13" s="111">
        <v>4.3</v>
      </c>
      <c r="O13" s="3"/>
    </row>
    <row r="14" spans="2:15" ht="18.95" customHeight="1">
      <c r="B14" s="6"/>
      <c r="C14" s="21" t="s">
        <v>9</v>
      </c>
      <c r="D14" s="7"/>
      <c r="E14" s="8">
        <v>-75</v>
      </c>
      <c r="F14" s="9">
        <v>-101</v>
      </c>
      <c r="G14" s="9">
        <v>126</v>
      </c>
      <c r="H14" s="9">
        <v>227</v>
      </c>
      <c r="I14" s="9">
        <v>26</v>
      </c>
      <c r="J14" s="9">
        <v>621</v>
      </c>
      <c r="K14" s="9">
        <v>595</v>
      </c>
      <c r="L14" s="25">
        <v>-2.9074951347914747E-2</v>
      </c>
      <c r="M14" s="10">
        <v>100.3</v>
      </c>
      <c r="N14" s="23">
        <v>2.8</v>
      </c>
      <c r="O14" s="3"/>
    </row>
    <row r="15" spans="2:15" ht="18.95" customHeight="1">
      <c r="B15" s="100"/>
      <c r="C15" s="105" t="s">
        <v>10</v>
      </c>
      <c r="D15" s="106"/>
      <c r="E15" s="107">
        <v>-4</v>
      </c>
      <c r="F15" s="108">
        <v>-58</v>
      </c>
      <c r="G15" s="108">
        <v>79</v>
      </c>
      <c r="H15" s="108">
        <v>137</v>
      </c>
      <c r="I15" s="108">
        <v>54</v>
      </c>
      <c r="J15" s="108">
        <v>589</v>
      </c>
      <c r="K15" s="108">
        <v>535</v>
      </c>
      <c r="L15" s="109">
        <v>-2.322098247976872E-3</v>
      </c>
      <c r="M15" s="110">
        <v>88.8</v>
      </c>
      <c r="N15" s="111">
        <v>1.9</v>
      </c>
      <c r="O15" s="3"/>
    </row>
    <row r="16" spans="2:15" ht="18.95" customHeight="1">
      <c r="B16" s="6"/>
      <c r="C16" s="21" t="s">
        <v>11</v>
      </c>
      <c r="D16" s="7"/>
      <c r="E16" s="8">
        <v>343</v>
      </c>
      <c r="F16" s="9">
        <v>-23</v>
      </c>
      <c r="G16" s="9">
        <v>276</v>
      </c>
      <c r="H16" s="9">
        <v>299</v>
      </c>
      <c r="I16" s="9">
        <v>366</v>
      </c>
      <c r="J16" s="9">
        <v>1462</v>
      </c>
      <c r="K16" s="9">
        <v>1096</v>
      </c>
      <c r="L16" s="25">
        <v>7.9443754748096132E-2</v>
      </c>
      <c r="M16" s="10">
        <v>97.7</v>
      </c>
      <c r="N16" s="23">
        <v>4.7</v>
      </c>
      <c r="O16" s="3"/>
    </row>
    <row r="17" spans="2:15" ht="18.95" customHeight="1">
      <c r="B17" s="100"/>
      <c r="C17" s="105" t="s">
        <v>12</v>
      </c>
      <c r="D17" s="106"/>
      <c r="E17" s="107">
        <v>-119</v>
      </c>
      <c r="F17" s="108">
        <v>-91</v>
      </c>
      <c r="G17" s="108">
        <v>96</v>
      </c>
      <c r="H17" s="108">
        <v>187</v>
      </c>
      <c r="I17" s="108">
        <v>-28</v>
      </c>
      <c r="J17" s="108">
        <v>478</v>
      </c>
      <c r="K17" s="108">
        <v>506</v>
      </c>
      <c r="L17" s="109">
        <v>-6.2265197417302402E-2</v>
      </c>
      <c r="M17" s="110">
        <v>94.7</v>
      </c>
      <c r="N17" s="111">
        <v>2.1</v>
      </c>
      <c r="O17" s="3"/>
    </row>
    <row r="18" spans="2:15" ht="18.95" customHeight="1">
      <c r="B18" s="6"/>
      <c r="C18" s="21" t="s">
        <v>13</v>
      </c>
      <c r="D18" s="7"/>
      <c r="E18" s="8">
        <v>58</v>
      </c>
      <c r="F18" s="9">
        <v>-19</v>
      </c>
      <c r="G18" s="9">
        <v>145</v>
      </c>
      <c r="H18" s="9">
        <v>164</v>
      </c>
      <c r="I18" s="9">
        <v>77</v>
      </c>
      <c r="J18" s="9">
        <v>648</v>
      </c>
      <c r="K18" s="9">
        <v>571</v>
      </c>
      <c r="L18" s="25">
        <v>2.3964862553249512E-2</v>
      </c>
      <c r="M18" s="10">
        <v>94.9</v>
      </c>
      <c r="N18" s="23">
        <v>2.6</v>
      </c>
      <c r="O18" s="3"/>
    </row>
    <row r="19" spans="2:15" ht="18.95" customHeight="1">
      <c r="B19" s="100"/>
      <c r="C19" s="105" t="s">
        <v>14</v>
      </c>
      <c r="D19" s="106"/>
      <c r="E19" s="107">
        <v>-28</v>
      </c>
      <c r="F19" s="108">
        <v>-18</v>
      </c>
      <c r="G19" s="108">
        <v>28</v>
      </c>
      <c r="H19" s="108">
        <v>46</v>
      </c>
      <c r="I19" s="108">
        <v>-10</v>
      </c>
      <c r="J19" s="108">
        <v>184</v>
      </c>
      <c r="K19" s="108">
        <v>194</v>
      </c>
      <c r="L19" s="109">
        <v>-4.9084056446664921E-2</v>
      </c>
      <c r="M19" s="110">
        <v>87.8</v>
      </c>
      <c r="N19" s="111">
        <v>0.6</v>
      </c>
      <c r="O19" s="3"/>
    </row>
    <row r="20" spans="2:15" ht="18.95" customHeight="1">
      <c r="B20" s="6"/>
      <c r="C20" s="21" t="s">
        <v>16</v>
      </c>
      <c r="D20" s="7"/>
      <c r="E20" s="8">
        <v>-12</v>
      </c>
      <c r="F20" s="9">
        <v>-28</v>
      </c>
      <c r="G20" s="9">
        <v>16</v>
      </c>
      <c r="H20" s="9">
        <v>44</v>
      </c>
      <c r="I20" s="9">
        <v>16</v>
      </c>
      <c r="J20" s="9">
        <v>101</v>
      </c>
      <c r="K20" s="9">
        <v>85</v>
      </c>
      <c r="L20" s="25">
        <v>-2.7871974729409579E-2</v>
      </c>
      <c r="M20" s="10">
        <v>92.3</v>
      </c>
      <c r="N20" s="23">
        <v>0.5</v>
      </c>
      <c r="O20" s="3"/>
    </row>
    <row r="21" spans="2:15" ht="18.95" customHeight="1">
      <c r="B21" s="100"/>
      <c r="C21" s="105" t="s">
        <v>17</v>
      </c>
      <c r="D21" s="106"/>
      <c r="E21" s="107">
        <v>1</v>
      </c>
      <c r="F21" s="108">
        <v>-55</v>
      </c>
      <c r="G21" s="108">
        <v>81</v>
      </c>
      <c r="H21" s="108">
        <v>136</v>
      </c>
      <c r="I21" s="108">
        <v>56</v>
      </c>
      <c r="J21" s="108">
        <v>468</v>
      </c>
      <c r="K21" s="108">
        <v>412</v>
      </c>
      <c r="L21" s="109">
        <v>6.0461319870612777E-4</v>
      </c>
      <c r="M21" s="110">
        <v>104.8</v>
      </c>
      <c r="N21" s="111">
        <v>1.8</v>
      </c>
      <c r="O21" s="3"/>
    </row>
    <row r="22" spans="2:15" ht="18.95" customHeight="1">
      <c r="B22" s="6"/>
      <c r="C22" s="21" t="s">
        <v>18</v>
      </c>
      <c r="D22" s="7"/>
      <c r="E22" s="8">
        <v>-61</v>
      </c>
      <c r="F22" s="9">
        <v>-63</v>
      </c>
      <c r="G22" s="9">
        <v>111</v>
      </c>
      <c r="H22" s="9">
        <v>174</v>
      </c>
      <c r="I22" s="9">
        <v>2</v>
      </c>
      <c r="J22" s="9">
        <v>718</v>
      </c>
      <c r="K22" s="9">
        <v>716</v>
      </c>
      <c r="L22" s="25">
        <v>-2.7074049745237631E-2</v>
      </c>
      <c r="M22" s="10">
        <v>107.1</v>
      </c>
      <c r="N22" s="23">
        <v>2.5</v>
      </c>
      <c r="O22" s="3"/>
    </row>
    <row r="23" spans="2:15" ht="18.95" customHeight="1">
      <c r="B23" s="100"/>
      <c r="C23" s="105" t="s">
        <v>19</v>
      </c>
      <c r="D23" s="106"/>
      <c r="E23" s="107">
        <v>-38</v>
      </c>
      <c r="F23" s="108">
        <v>-13</v>
      </c>
      <c r="G23" s="108">
        <v>141</v>
      </c>
      <c r="H23" s="108">
        <v>154</v>
      </c>
      <c r="I23" s="108">
        <v>-25</v>
      </c>
      <c r="J23" s="108">
        <v>842</v>
      </c>
      <c r="K23" s="108">
        <v>867</v>
      </c>
      <c r="L23" s="109">
        <v>-1.61116622995582E-2</v>
      </c>
      <c r="M23" s="110">
        <v>99.9</v>
      </c>
      <c r="N23" s="111">
        <v>2.6</v>
      </c>
      <c r="O23" s="3"/>
    </row>
    <row r="24" spans="2:15" ht="18.95" customHeight="1">
      <c r="B24" s="6"/>
      <c r="C24" s="21" t="s">
        <v>20</v>
      </c>
      <c r="D24" s="7"/>
      <c r="E24" s="8">
        <v>-101</v>
      </c>
      <c r="F24" s="9">
        <v>-24</v>
      </c>
      <c r="G24" s="9">
        <v>58</v>
      </c>
      <c r="H24" s="9">
        <v>82</v>
      </c>
      <c r="I24" s="9">
        <v>-77</v>
      </c>
      <c r="J24" s="9">
        <v>326</v>
      </c>
      <c r="K24" s="9">
        <v>403</v>
      </c>
      <c r="L24" s="25">
        <v>-9.8531778937612793E-2</v>
      </c>
      <c r="M24" s="10">
        <v>102.9</v>
      </c>
      <c r="N24" s="23">
        <v>1.1000000000000001</v>
      </c>
      <c r="O24" s="3"/>
    </row>
    <row r="25" spans="2:15" ht="18.95" customHeight="1">
      <c r="B25" s="100"/>
      <c r="C25" s="105" t="s">
        <v>21</v>
      </c>
      <c r="D25" s="106"/>
      <c r="E25" s="107">
        <v>62</v>
      </c>
      <c r="F25" s="108">
        <v>-21</v>
      </c>
      <c r="G25" s="108">
        <v>83</v>
      </c>
      <c r="H25" s="108">
        <v>104</v>
      </c>
      <c r="I25" s="108">
        <v>83</v>
      </c>
      <c r="J25" s="108">
        <v>483</v>
      </c>
      <c r="K25" s="108">
        <v>400</v>
      </c>
      <c r="L25" s="109">
        <v>4.6700109971226707E-2</v>
      </c>
      <c r="M25" s="110">
        <v>101.5</v>
      </c>
      <c r="N25" s="111">
        <v>1.4</v>
      </c>
      <c r="O25" s="3"/>
    </row>
    <row r="26" spans="2:15" ht="18.95" customHeight="1">
      <c r="B26" s="6"/>
      <c r="C26" s="21" t="s">
        <v>22</v>
      </c>
      <c r="D26" s="7"/>
      <c r="E26" s="8">
        <v>134</v>
      </c>
      <c r="F26" s="9">
        <v>-26</v>
      </c>
      <c r="G26" s="9">
        <v>84</v>
      </c>
      <c r="H26" s="9">
        <v>110</v>
      </c>
      <c r="I26" s="9">
        <v>160</v>
      </c>
      <c r="J26" s="9">
        <v>596</v>
      </c>
      <c r="K26" s="9">
        <v>436</v>
      </c>
      <c r="L26" s="25">
        <v>0.10325324785402765</v>
      </c>
      <c r="M26" s="10">
        <v>99.6</v>
      </c>
      <c r="N26" s="23">
        <v>1.4</v>
      </c>
      <c r="O26" s="3"/>
    </row>
    <row r="27" spans="2:15" ht="18.95" customHeight="1">
      <c r="B27" s="100"/>
      <c r="C27" s="105" t="s">
        <v>23</v>
      </c>
      <c r="D27" s="106"/>
      <c r="E27" s="107">
        <v>0</v>
      </c>
      <c r="F27" s="108">
        <v>-18</v>
      </c>
      <c r="G27" s="108">
        <v>22</v>
      </c>
      <c r="H27" s="108">
        <v>40</v>
      </c>
      <c r="I27" s="108">
        <v>18</v>
      </c>
      <c r="J27" s="108">
        <v>120</v>
      </c>
      <c r="K27" s="108">
        <v>102</v>
      </c>
      <c r="L27" s="109">
        <v>0</v>
      </c>
      <c r="M27" s="110">
        <v>97</v>
      </c>
      <c r="N27" s="111">
        <v>0.5</v>
      </c>
      <c r="O27" s="3"/>
    </row>
    <row r="28" spans="2:15" ht="18.95" customHeight="1">
      <c r="B28" s="6"/>
      <c r="C28" s="21" t="s">
        <v>24</v>
      </c>
      <c r="D28" s="7"/>
      <c r="E28" s="8">
        <v>62</v>
      </c>
      <c r="F28" s="9">
        <v>-19</v>
      </c>
      <c r="G28" s="9">
        <v>52</v>
      </c>
      <c r="H28" s="9">
        <v>71</v>
      </c>
      <c r="I28" s="9">
        <v>81</v>
      </c>
      <c r="J28" s="9">
        <v>348</v>
      </c>
      <c r="K28" s="9">
        <v>267</v>
      </c>
      <c r="L28" s="25">
        <v>7.3594872099234376E-2</v>
      </c>
      <c r="M28" s="10">
        <v>103.6</v>
      </c>
      <c r="N28" s="23">
        <v>0.9</v>
      </c>
      <c r="O28" s="3"/>
    </row>
    <row r="29" spans="2:15" ht="18.95" customHeight="1">
      <c r="B29" s="100"/>
      <c r="C29" s="105" t="s">
        <v>31</v>
      </c>
      <c r="D29" s="106"/>
      <c r="E29" s="107">
        <v>7</v>
      </c>
      <c r="F29" s="108">
        <v>-12</v>
      </c>
      <c r="G29" s="108">
        <v>12</v>
      </c>
      <c r="H29" s="108">
        <v>24</v>
      </c>
      <c r="I29" s="108">
        <v>19</v>
      </c>
      <c r="J29" s="108">
        <v>101</v>
      </c>
      <c r="K29" s="108">
        <v>82</v>
      </c>
      <c r="L29" s="109">
        <v>2.1999434300260853E-2</v>
      </c>
      <c r="M29" s="110">
        <v>89.7</v>
      </c>
      <c r="N29" s="111">
        <v>0.3</v>
      </c>
      <c r="O29" s="3"/>
    </row>
    <row r="30" spans="2:15" ht="18.95" customHeight="1">
      <c r="B30" s="6"/>
      <c r="C30" s="21" t="s">
        <v>32</v>
      </c>
      <c r="D30" s="7"/>
      <c r="E30" s="8">
        <v>-5</v>
      </c>
      <c r="F30" s="9">
        <v>-2</v>
      </c>
      <c r="G30" s="9">
        <v>27</v>
      </c>
      <c r="H30" s="9">
        <v>29</v>
      </c>
      <c r="I30" s="9">
        <v>-3</v>
      </c>
      <c r="J30" s="9">
        <v>162</v>
      </c>
      <c r="K30" s="9">
        <v>165</v>
      </c>
      <c r="L30" s="25">
        <v>-1.0354325001553149E-2</v>
      </c>
      <c r="M30" s="10">
        <v>102.4</v>
      </c>
      <c r="N30" s="23">
        <v>0.5</v>
      </c>
      <c r="O30" s="3"/>
    </row>
    <row r="31" spans="2:15" ht="18.95" customHeight="1">
      <c r="B31" s="100"/>
      <c r="C31" s="105" t="s">
        <v>33</v>
      </c>
      <c r="D31" s="106"/>
      <c r="E31" s="107">
        <v>-13</v>
      </c>
      <c r="F31" s="108">
        <v>-10</v>
      </c>
      <c r="G31" s="108">
        <v>18</v>
      </c>
      <c r="H31" s="108">
        <v>28</v>
      </c>
      <c r="I31" s="108">
        <v>-3</v>
      </c>
      <c r="J31" s="108">
        <v>81</v>
      </c>
      <c r="K31" s="108">
        <v>84</v>
      </c>
      <c r="L31" s="109">
        <v>-4.1368337311058073E-2</v>
      </c>
      <c r="M31" s="110">
        <v>95.4</v>
      </c>
      <c r="N31" s="111">
        <v>0.3</v>
      </c>
      <c r="O31" s="3"/>
    </row>
    <row r="32" spans="2:15" ht="18.95" customHeight="1">
      <c r="B32" s="6"/>
      <c r="C32" s="21" t="s">
        <v>34</v>
      </c>
      <c r="D32" s="7"/>
      <c r="E32" s="8">
        <v>-6</v>
      </c>
      <c r="F32" s="9">
        <v>-19</v>
      </c>
      <c r="G32" s="9">
        <v>9</v>
      </c>
      <c r="H32" s="9">
        <v>28</v>
      </c>
      <c r="I32" s="9">
        <v>13</v>
      </c>
      <c r="J32" s="9">
        <v>71</v>
      </c>
      <c r="K32" s="9">
        <v>58</v>
      </c>
      <c r="L32" s="25">
        <v>-2.1503064186646596E-2</v>
      </c>
      <c r="M32" s="10">
        <v>93.1</v>
      </c>
      <c r="N32" s="23">
        <v>0.3</v>
      </c>
      <c r="O32" s="3"/>
    </row>
    <row r="33" spans="1:15" ht="18.95" customHeight="1">
      <c r="B33" s="100"/>
      <c r="C33" s="105" t="s">
        <v>35</v>
      </c>
      <c r="D33" s="106"/>
      <c r="E33" s="107">
        <v>-2</v>
      </c>
      <c r="F33" s="108">
        <v>-7</v>
      </c>
      <c r="G33" s="108">
        <v>3</v>
      </c>
      <c r="H33" s="108">
        <v>10</v>
      </c>
      <c r="I33" s="108">
        <v>5</v>
      </c>
      <c r="J33" s="108">
        <v>30</v>
      </c>
      <c r="K33" s="108">
        <v>25</v>
      </c>
      <c r="L33" s="109">
        <v>-2.1170742034508309E-2</v>
      </c>
      <c r="M33" s="110">
        <v>100.6</v>
      </c>
      <c r="N33" s="111">
        <v>0.1</v>
      </c>
      <c r="O33" s="3"/>
    </row>
    <row r="34" spans="1:15" ht="18.95" customHeight="1">
      <c r="B34" s="6"/>
      <c r="C34" s="21" t="s">
        <v>36</v>
      </c>
      <c r="D34" s="7"/>
      <c r="E34" s="8">
        <v>25</v>
      </c>
      <c r="F34" s="9">
        <v>0</v>
      </c>
      <c r="G34" s="9">
        <v>14</v>
      </c>
      <c r="H34" s="9">
        <v>14</v>
      </c>
      <c r="I34" s="9">
        <v>25</v>
      </c>
      <c r="J34" s="9">
        <v>64</v>
      </c>
      <c r="K34" s="9">
        <v>39</v>
      </c>
      <c r="L34" s="25">
        <v>0.14696372935159602</v>
      </c>
      <c r="M34" s="10">
        <v>99</v>
      </c>
      <c r="N34" s="23">
        <v>0.2</v>
      </c>
      <c r="O34" s="3"/>
    </row>
    <row r="35" spans="1:15" ht="18.95" customHeight="1">
      <c r="B35" s="100"/>
      <c r="C35" s="105" t="s">
        <v>37</v>
      </c>
      <c r="D35" s="106"/>
      <c r="E35" s="107">
        <v>52</v>
      </c>
      <c r="F35" s="108">
        <v>-14</v>
      </c>
      <c r="G35" s="108">
        <v>3</v>
      </c>
      <c r="H35" s="108">
        <v>17</v>
      </c>
      <c r="I35" s="108">
        <v>66</v>
      </c>
      <c r="J35" s="108">
        <v>83</v>
      </c>
      <c r="K35" s="108">
        <v>17</v>
      </c>
      <c r="L35" s="109">
        <v>0.47811695476278043</v>
      </c>
      <c r="M35" s="110">
        <v>97.5</v>
      </c>
      <c r="N35" s="111">
        <v>0.1</v>
      </c>
      <c r="O35" s="3"/>
    </row>
    <row r="36" spans="1:15" ht="18.95" customHeight="1">
      <c r="B36" s="6"/>
      <c r="C36" s="21" t="s">
        <v>38</v>
      </c>
      <c r="D36" s="7"/>
      <c r="E36" s="8">
        <v>-21</v>
      </c>
      <c r="F36" s="9">
        <v>-19</v>
      </c>
      <c r="G36" s="9">
        <v>1</v>
      </c>
      <c r="H36" s="9">
        <v>20</v>
      </c>
      <c r="I36" s="9">
        <v>-2</v>
      </c>
      <c r="J36" s="9">
        <v>14</v>
      </c>
      <c r="K36" s="9">
        <v>16</v>
      </c>
      <c r="L36" s="25">
        <v>-0.21293855201784628</v>
      </c>
      <c r="M36" s="10">
        <v>96.3</v>
      </c>
      <c r="N36" s="23">
        <v>0.1</v>
      </c>
      <c r="O36" s="3"/>
    </row>
    <row r="37" spans="1:15" ht="18.95" customHeight="1">
      <c r="B37" s="100"/>
      <c r="C37" s="105" t="s">
        <v>39</v>
      </c>
      <c r="D37" s="106"/>
      <c r="E37" s="107">
        <v>32</v>
      </c>
      <c r="F37" s="108">
        <v>5</v>
      </c>
      <c r="G37" s="108">
        <v>13</v>
      </c>
      <c r="H37" s="108">
        <v>8</v>
      </c>
      <c r="I37" s="108">
        <v>27</v>
      </c>
      <c r="J37" s="108">
        <v>69</v>
      </c>
      <c r="K37" s="108">
        <v>42</v>
      </c>
      <c r="L37" s="109">
        <v>0.17989655947829997</v>
      </c>
      <c r="M37" s="110">
        <v>94.7</v>
      </c>
      <c r="N37" s="111">
        <v>0.2</v>
      </c>
      <c r="O37" s="3"/>
    </row>
    <row r="38" spans="1:15" ht="18.95" customHeight="1">
      <c r="B38" s="6"/>
      <c r="C38" s="21" t="s">
        <v>40</v>
      </c>
      <c r="D38" s="7"/>
      <c r="E38" s="8">
        <v>-13</v>
      </c>
      <c r="F38" s="9">
        <v>-7</v>
      </c>
      <c r="G38" s="9">
        <v>4</v>
      </c>
      <c r="H38" s="9">
        <v>11</v>
      </c>
      <c r="I38" s="9">
        <v>-6</v>
      </c>
      <c r="J38" s="9">
        <v>100</v>
      </c>
      <c r="K38" s="9">
        <v>106</v>
      </c>
      <c r="L38" s="25">
        <v>-0.11502388957706601</v>
      </c>
      <c r="M38" s="10">
        <v>91</v>
      </c>
      <c r="N38" s="23">
        <v>0.1</v>
      </c>
      <c r="O38" s="3"/>
    </row>
    <row r="39" spans="1:15" ht="18.95" customHeight="1">
      <c r="B39" s="100"/>
      <c r="C39" s="105" t="s">
        <v>41</v>
      </c>
      <c r="D39" s="106"/>
      <c r="E39" s="107">
        <v>0</v>
      </c>
      <c r="F39" s="108">
        <v>-3</v>
      </c>
      <c r="G39" s="108">
        <v>2</v>
      </c>
      <c r="H39" s="108">
        <v>5</v>
      </c>
      <c r="I39" s="108">
        <v>3</v>
      </c>
      <c r="J39" s="108">
        <v>16</v>
      </c>
      <c r="K39" s="108">
        <v>13</v>
      </c>
      <c r="L39" s="109">
        <v>0</v>
      </c>
      <c r="M39" s="110">
        <v>88.1</v>
      </c>
      <c r="N39" s="111">
        <v>0.1</v>
      </c>
      <c r="O39" s="3"/>
    </row>
    <row r="40" spans="1:15" ht="18.95" customHeight="1">
      <c r="B40" s="6"/>
      <c r="C40" s="21" t="s">
        <v>42</v>
      </c>
      <c r="D40" s="7"/>
      <c r="E40" s="8">
        <v>-12</v>
      </c>
      <c r="F40" s="9">
        <v>-36</v>
      </c>
      <c r="G40" s="9">
        <v>6</v>
      </c>
      <c r="H40" s="9">
        <v>42</v>
      </c>
      <c r="I40" s="9">
        <v>24</v>
      </c>
      <c r="J40" s="9">
        <v>85</v>
      </c>
      <c r="K40" s="9">
        <v>61</v>
      </c>
      <c r="L40" s="25">
        <v>-4.9689440993788823E-2</v>
      </c>
      <c r="M40" s="10">
        <v>86.5</v>
      </c>
      <c r="N40" s="23">
        <v>0.3</v>
      </c>
      <c r="O40" s="3"/>
    </row>
    <row r="41" spans="1:15" ht="18.95" customHeight="1">
      <c r="B41" s="100"/>
      <c r="C41" s="105" t="s">
        <v>43</v>
      </c>
      <c r="D41" s="106"/>
      <c r="E41" s="107">
        <v>-23</v>
      </c>
      <c r="F41" s="108">
        <v>-11</v>
      </c>
      <c r="G41" s="108">
        <v>18</v>
      </c>
      <c r="H41" s="108">
        <v>29</v>
      </c>
      <c r="I41" s="108">
        <v>-12</v>
      </c>
      <c r="J41" s="108">
        <v>126</v>
      </c>
      <c r="K41" s="108">
        <v>138</v>
      </c>
      <c r="L41" s="109">
        <v>-5.7952025801249744E-2</v>
      </c>
      <c r="M41" s="110">
        <v>108.6</v>
      </c>
      <c r="N41" s="111">
        <v>0.4</v>
      </c>
      <c r="O41" s="3"/>
    </row>
    <row r="42" spans="1:15" ht="18.95" customHeight="1" thickBot="1">
      <c r="A42" s="14"/>
      <c r="B42" s="6"/>
      <c r="C42" s="21" t="s">
        <v>44</v>
      </c>
      <c r="D42" s="7"/>
      <c r="E42" s="11">
        <v>0</v>
      </c>
      <c r="F42" s="12">
        <v>-4</v>
      </c>
      <c r="G42" s="12">
        <v>0</v>
      </c>
      <c r="H42" s="12">
        <v>4</v>
      </c>
      <c r="I42" s="12">
        <v>4</v>
      </c>
      <c r="J42" s="12">
        <v>7</v>
      </c>
      <c r="K42" s="12">
        <v>3</v>
      </c>
      <c r="L42" s="26">
        <v>0</v>
      </c>
      <c r="M42" s="13">
        <v>104.2</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29"/>
      <c r="C1" s="30"/>
      <c r="D1" s="30"/>
      <c r="E1" s="155" t="s">
        <v>86</v>
      </c>
      <c r="F1" s="155"/>
      <c r="G1" s="155"/>
      <c r="H1" s="155"/>
      <c r="I1" s="155"/>
      <c r="J1" s="155"/>
      <c r="K1" s="155"/>
      <c r="L1" s="155"/>
      <c r="M1" s="155"/>
      <c r="N1" s="29"/>
    </row>
    <row r="2" spans="2:15" ht="11.25" customHeight="1" thickBot="1">
      <c r="B2" s="31"/>
      <c r="C2" s="32"/>
      <c r="D2" s="32"/>
      <c r="E2" s="28"/>
      <c r="F2" s="33"/>
      <c r="G2" s="28"/>
      <c r="H2" s="28"/>
      <c r="I2" s="28"/>
      <c r="J2" s="33"/>
      <c r="K2" s="34"/>
      <c r="L2" s="33"/>
      <c r="M2" s="33"/>
      <c r="N2" s="35"/>
    </row>
    <row r="3" spans="2:15" ht="18" customHeight="1">
      <c r="B3" s="36"/>
      <c r="C3" s="149" t="s">
        <v>25</v>
      </c>
      <c r="D3" s="37"/>
      <c r="E3" s="151" t="s">
        <v>47</v>
      </c>
      <c r="F3" s="153" t="s">
        <v>55</v>
      </c>
      <c r="G3" s="38"/>
      <c r="H3" s="38"/>
      <c r="I3" s="153" t="s">
        <v>56</v>
      </c>
      <c r="J3" s="38"/>
      <c r="K3" s="38"/>
      <c r="L3" s="80" t="s">
        <v>50</v>
      </c>
      <c r="M3" s="40" t="s">
        <v>45</v>
      </c>
      <c r="N3" s="41" t="s">
        <v>0</v>
      </c>
      <c r="O3" s="2"/>
    </row>
    <row r="4" spans="2:15" ht="18" customHeight="1" thickBot="1">
      <c r="B4" s="42"/>
      <c r="C4" s="150"/>
      <c r="D4" s="43"/>
      <c r="E4" s="152"/>
      <c r="F4" s="154"/>
      <c r="G4" s="81" t="s">
        <v>26</v>
      </c>
      <c r="H4" s="81" t="s">
        <v>27</v>
      </c>
      <c r="I4" s="154"/>
      <c r="J4" s="81" t="s">
        <v>28</v>
      </c>
      <c r="K4" s="81" t="s">
        <v>29</v>
      </c>
      <c r="L4" s="81" t="s">
        <v>51</v>
      </c>
      <c r="M4" s="45" t="s">
        <v>46</v>
      </c>
      <c r="N4" s="46" t="s">
        <v>1</v>
      </c>
      <c r="O4" s="2"/>
    </row>
    <row r="5" spans="2:15" ht="18" customHeight="1">
      <c r="B5" s="47"/>
      <c r="C5" s="48"/>
      <c r="D5" s="48"/>
      <c r="E5" s="49" t="s">
        <v>3</v>
      </c>
      <c r="F5" s="50" t="s">
        <v>3</v>
      </c>
      <c r="G5" s="50" t="s">
        <v>3</v>
      </c>
      <c r="H5" s="50" t="s">
        <v>3</v>
      </c>
      <c r="I5" s="50" t="s">
        <v>3</v>
      </c>
      <c r="J5" s="50" t="s">
        <v>3</v>
      </c>
      <c r="K5" s="50" t="s">
        <v>3</v>
      </c>
      <c r="L5" s="50" t="s">
        <v>30</v>
      </c>
      <c r="M5" s="50"/>
      <c r="N5" s="51" t="s">
        <v>30</v>
      </c>
      <c r="O5" s="3"/>
    </row>
    <row r="6" spans="2:15" ht="18.95" customHeight="1">
      <c r="B6" s="15"/>
      <c r="C6" s="20" t="s">
        <v>2</v>
      </c>
      <c r="D6" s="16"/>
      <c r="E6" s="17">
        <v>-3201</v>
      </c>
      <c r="F6" s="18">
        <v>-2235</v>
      </c>
      <c r="G6" s="18">
        <v>5240</v>
      </c>
      <c r="H6" s="18">
        <v>7475</v>
      </c>
      <c r="I6" s="18">
        <v>-966</v>
      </c>
      <c r="J6" s="18">
        <v>35613</v>
      </c>
      <c r="K6" s="18">
        <v>36579</v>
      </c>
      <c r="L6" s="27">
        <v>-3.4943843137186403E-2</v>
      </c>
      <c r="M6" s="19">
        <v>99.5</v>
      </c>
      <c r="N6" s="22">
        <v>100</v>
      </c>
      <c r="O6" s="3"/>
    </row>
    <row r="7" spans="2:15" ht="18.95" customHeight="1">
      <c r="B7" s="47"/>
      <c r="C7" s="52" t="s">
        <v>4</v>
      </c>
      <c r="D7" s="53"/>
      <c r="E7" s="54">
        <v>-3045</v>
      </c>
      <c r="F7" s="55">
        <v>-2039</v>
      </c>
      <c r="G7" s="55">
        <v>5116</v>
      </c>
      <c r="H7" s="55">
        <v>7155</v>
      </c>
      <c r="I7" s="55">
        <v>-1006</v>
      </c>
      <c r="J7" s="55">
        <v>34629</v>
      </c>
      <c r="K7" s="55">
        <v>35635</v>
      </c>
      <c r="L7" s="56">
        <v>-3.4329869116951212E-2</v>
      </c>
      <c r="M7" s="57">
        <v>99.6</v>
      </c>
      <c r="N7" s="58">
        <v>96.8</v>
      </c>
      <c r="O7" s="3"/>
    </row>
    <row r="8" spans="2:15" ht="18.95" customHeight="1">
      <c r="B8" s="47"/>
      <c r="C8" s="52" t="s">
        <v>5</v>
      </c>
      <c r="D8" s="53"/>
      <c r="E8" s="54">
        <v>-156</v>
      </c>
      <c r="F8" s="55">
        <v>-196</v>
      </c>
      <c r="G8" s="55">
        <v>124</v>
      </c>
      <c r="H8" s="55">
        <v>320</v>
      </c>
      <c r="I8" s="55">
        <v>40</v>
      </c>
      <c r="J8" s="55">
        <v>984</v>
      </c>
      <c r="K8" s="55">
        <v>944</v>
      </c>
      <c r="L8" s="56">
        <v>-5.36848082316706E-2</v>
      </c>
      <c r="M8" s="57">
        <v>96.9</v>
      </c>
      <c r="N8" s="58">
        <v>3.2</v>
      </c>
      <c r="O8" s="3"/>
    </row>
    <row r="9" spans="2:15" ht="18.95" customHeight="1">
      <c r="B9" s="47"/>
      <c r="C9" s="59"/>
      <c r="D9" s="53"/>
      <c r="E9" s="60"/>
      <c r="F9" s="61"/>
      <c r="G9" s="61"/>
      <c r="H9" s="61"/>
      <c r="I9" s="61"/>
      <c r="J9" s="61"/>
      <c r="K9" s="61"/>
      <c r="L9" s="62"/>
      <c r="M9" s="63"/>
      <c r="N9" s="64"/>
      <c r="O9" s="3"/>
    </row>
    <row r="10" spans="2:15" ht="18.95" customHeight="1">
      <c r="B10" s="6"/>
      <c r="C10" s="21" t="s">
        <v>6</v>
      </c>
      <c r="D10" s="7"/>
      <c r="E10" s="8">
        <v>-1936</v>
      </c>
      <c r="F10" s="9">
        <v>-865</v>
      </c>
      <c r="G10" s="9">
        <v>2109</v>
      </c>
      <c r="H10" s="9">
        <v>2974</v>
      </c>
      <c r="I10" s="9">
        <v>-1071</v>
      </c>
      <c r="J10" s="9">
        <v>15278</v>
      </c>
      <c r="K10" s="9">
        <v>16349</v>
      </c>
      <c r="L10" s="25">
        <v>-5.1880326878216552E-2</v>
      </c>
      <c r="M10" s="10">
        <v>98.8</v>
      </c>
      <c r="N10" s="23">
        <v>40.700000000000003</v>
      </c>
      <c r="O10" s="3"/>
    </row>
    <row r="11" spans="2:15" ht="18.95" customHeight="1">
      <c r="B11" s="47"/>
      <c r="C11" s="52" t="s">
        <v>7</v>
      </c>
      <c r="D11" s="53"/>
      <c r="E11" s="54">
        <v>157</v>
      </c>
      <c r="F11" s="55">
        <v>2</v>
      </c>
      <c r="G11" s="55">
        <v>998</v>
      </c>
      <c r="H11" s="55">
        <v>996</v>
      </c>
      <c r="I11" s="55">
        <v>155</v>
      </c>
      <c r="J11" s="55">
        <v>7742</v>
      </c>
      <c r="K11" s="55">
        <v>7587</v>
      </c>
      <c r="L11" s="56">
        <v>1.0427847267239821E-2</v>
      </c>
      <c r="M11" s="57">
        <v>102.7</v>
      </c>
      <c r="N11" s="58">
        <v>16.399999999999999</v>
      </c>
      <c r="O11" s="3"/>
    </row>
    <row r="12" spans="2:15" ht="18.95" customHeight="1">
      <c r="B12" s="6"/>
      <c r="C12" s="21" t="s">
        <v>15</v>
      </c>
      <c r="D12" s="7"/>
      <c r="E12" s="8">
        <v>-100</v>
      </c>
      <c r="F12" s="9">
        <v>-147</v>
      </c>
      <c r="G12" s="9">
        <v>429</v>
      </c>
      <c r="H12" s="9">
        <v>576</v>
      </c>
      <c r="I12" s="9">
        <v>47</v>
      </c>
      <c r="J12" s="9">
        <v>2641</v>
      </c>
      <c r="K12" s="9">
        <v>2594</v>
      </c>
      <c r="L12" s="25">
        <v>-1.3842171559874314E-2</v>
      </c>
      <c r="M12" s="10">
        <v>100.3</v>
      </c>
      <c r="N12" s="23">
        <v>7.9</v>
      </c>
      <c r="O12" s="3"/>
    </row>
    <row r="13" spans="2:15" ht="18.95" customHeight="1">
      <c r="B13" s="47"/>
      <c r="C13" s="52" t="s">
        <v>8</v>
      </c>
      <c r="D13" s="53"/>
      <c r="E13" s="54">
        <v>-384</v>
      </c>
      <c r="F13" s="55">
        <v>-235</v>
      </c>
      <c r="G13" s="55">
        <v>197</v>
      </c>
      <c r="H13" s="55">
        <v>432</v>
      </c>
      <c r="I13" s="55">
        <v>-149</v>
      </c>
      <c r="J13" s="55">
        <v>795</v>
      </c>
      <c r="K13" s="55">
        <v>944</v>
      </c>
      <c r="L13" s="56">
        <v>-9.6037214420587977E-2</v>
      </c>
      <c r="M13" s="57">
        <v>99.5</v>
      </c>
      <c r="N13" s="58">
        <v>4.4000000000000004</v>
      </c>
      <c r="O13" s="3"/>
    </row>
    <row r="14" spans="2:15" ht="18.95" customHeight="1">
      <c r="B14" s="6"/>
      <c r="C14" s="21" t="s">
        <v>9</v>
      </c>
      <c r="D14" s="7"/>
      <c r="E14" s="8">
        <v>-156</v>
      </c>
      <c r="F14" s="9">
        <v>-137</v>
      </c>
      <c r="G14" s="9">
        <v>127</v>
      </c>
      <c r="H14" s="9">
        <v>264</v>
      </c>
      <c r="I14" s="9">
        <v>-19</v>
      </c>
      <c r="J14" s="9">
        <v>671</v>
      </c>
      <c r="K14" s="9">
        <v>690</v>
      </c>
      <c r="L14" s="25">
        <v>-6.0420854490315229E-2</v>
      </c>
      <c r="M14" s="10">
        <v>100.5</v>
      </c>
      <c r="N14" s="23">
        <v>2.8</v>
      </c>
      <c r="O14" s="3"/>
    </row>
    <row r="15" spans="2:15" ht="18.95" customHeight="1">
      <c r="B15" s="47"/>
      <c r="C15" s="52" t="s">
        <v>10</v>
      </c>
      <c r="D15" s="53"/>
      <c r="E15" s="54">
        <v>-95</v>
      </c>
      <c r="F15" s="55">
        <v>-80</v>
      </c>
      <c r="G15" s="55">
        <v>90</v>
      </c>
      <c r="H15" s="55">
        <v>170</v>
      </c>
      <c r="I15" s="55">
        <v>-15</v>
      </c>
      <c r="J15" s="55">
        <v>550</v>
      </c>
      <c r="K15" s="55">
        <v>565</v>
      </c>
      <c r="L15" s="56">
        <v>-5.5209447208145426E-2</v>
      </c>
      <c r="M15" s="57">
        <v>89.1</v>
      </c>
      <c r="N15" s="58">
        <v>1.9</v>
      </c>
      <c r="O15" s="3"/>
    </row>
    <row r="16" spans="2:15" ht="18.95" customHeight="1">
      <c r="B16" s="6"/>
      <c r="C16" s="21" t="s">
        <v>11</v>
      </c>
      <c r="D16" s="7"/>
      <c r="E16" s="8">
        <v>-158</v>
      </c>
      <c r="F16" s="9">
        <v>-68</v>
      </c>
      <c r="G16" s="9">
        <v>276</v>
      </c>
      <c r="H16" s="9">
        <v>344</v>
      </c>
      <c r="I16" s="9">
        <v>-90</v>
      </c>
      <c r="J16" s="9">
        <v>1365</v>
      </c>
      <c r="K16" s="9">
        <v>1455</v>
      </c>
      <c r="L16" s="25">
        <v>-3.6812245896483027E-2</v>
      </c>
      <c r="M16" s="10">
        <v>97.8</v>
      </c>
      <c r="N16" s="23">
        <v>4.7</v>
      </c>
      <c r="O16" s="3"/>
    </row>
    <row r="17" spans="2:15" ht="18.95" customHeight="1">
      <c r="B17" s="47"/>
      <c r="C17" s="52" t="s">
        <v>12</v>
      </c>
      <c r="D17" s="53"/>
      <c r="E17" s="54">
        <v>-277</v>
      </c>
      <c r="F17" s="55">
        <v>-133</v>
      </c>
      <c r="G17" s="55">
        <v>98</v>
      </c>
      <c r="H17" s="55">
        <v>231</v>
      </c>
      <c r="I17" s="55">
        <v>-144</v>
      </c>
      <c r="J17" s="55">
        <v>453</v>
      </c>
      <c r="K17" s="55">
        <v>597</v>
      </c>
      <c r="L17" s="56">
        <v>-0.14430239948322029</v>
      </c>
      <c r="M17" s="57">
        <v>95</v>
      </c>
      <c r="N17" s="58">
        <v>2.1</v>
      </c>
      <c r="O17" s="3"/>
    </row>
    <row r="18" spans="2:15" ht="18.95" customHeight="1">
      <c r="B18" s="6"/>
      <c r="C18" s="21" t="s">
        <v>13</v>
      </c>
      <c r="D18" s="7"/>
      <c r="E18" s="8">
        <v>551</v>
      </c>
      <c r="F18" s="9">
        <v>-60</v>
      </c>
      <c r="G18" s="9">
        <v>132</v>
      </c>
      <c r="H18" s="9">
        <v>192</v>
      </c>
      <c r="I18" s="9">
        <v>611</v>
      </c>
      <c r="J18" s="9">
        <v>1224</v>
      </c>
      <c r="K18" s="9">
        <v>613</v>
      </c>
      <c r="L18" s="25">
        <v>0.22869333510421941</v>
      </c>
      <c r="M18" s="10">
        <v>95.1</v>
      </c>
      <c r="N18" s="23">
        <v>2.6</v>
      </c>
      <c r="O18" s="3"/>
    </row>
    <row r="19" spans="2:15" ht="18.95" customHeight="1">
      <c r="B19" s="47"/>
      <c r="C19" s="52" t="s">
        <v>14</v>
      </c>
      <c r="D19" s="53"/>
      <c r="E19" s="54">
        <v>-53</v>
      </c>
      <c r="F19" s="55">
        <v>-39</v>
      </c>
      <c r="G19" s="55">
        <v>22</v>
      </c>
      <c r="H19" s="55">
        <v>61</v>
      </c>
      <c r="I19" s="55">
        <v>-14</v>
      </c>
      <c r="J19" s="55">
        <v>165</v>
      </c>
      <c r="K19" s="55">
        <v>179</v>
      </c>
      <c r="L19" s="56">
        <v>-9.2473043235509644E-2</v>
      </c>
      <c r="M19" s="57">
        <v>87.7</v>
      </c>
      <c r="N19" s="58">
        <v>0.6</v>
      </c>
      <c r="O19" s="3"/>
    </row>
    <row r="20" spans="2:15" ht="18.95" customHeight="1">
      <c r="B20" s="6"/>
      <c r="C20" s="21" t="s">
        <v>16</v>
      </c>
      <c r="D20" s="7"/>
      <c r="E20" s="8">
        <v>-82</v>
      </c>
      <c r="F20" s="9">
        <v>-55</v>
      </c>
      <c r="G20" s="9">
        <v>15</v>
      </c>
      <c r="H20" s="9">
        <v>70</v>
      </c>
      <c r="I20" s="9">
        <v>-27</v>
      </c>
      <c r="J20" s="9">
        <v>95</v>
      </c>
      <c r="K20" s="9">
        <v>122</v>
      </c>
      <c r="L20" s="25">
        <v>-0.18788809201933873</v>
      </c>
      <c r="M20" s="10">
        <v>92.4</v>
      </c>
      <c r="N20" s="23">
        <v>0.5</v>
      </c>
      <c r="O20" s="3"/>
    </row>
    <row r="21" spans="2:15" ht="18.95" customHeight="1">
      <c r="B21" s="47"/>
      <c r="C21" s="52" t="s">
        <v>17</v>
      </c>
      <c r="D21" s="53"/>
      <c r="E21" s="54">
        <v>-216</v>
      </c>
      <c r="F21" s="55">
        <v>-66</v>
      </c>
      <c r="G21" s="55">
        <v>68</v>
      </c>
      <c r="H21" s="55">
        <v>134</v>
      </c>
      <c r="I21" s="55">
        <v>-150</v>
      </c>
      <c r="J21" s="55">
        <v>356</v>
      </c>
      <c r="K21" s="55">
        <v>506</v>
      </c>
      <c r="L21" s="56">
        <v>-0.13016596160104132</v>
      </c>
      <c r="M21" s="57">
        <v>104.8</v>
      </c>
      <c r="N21" s="58">
        <v>1.8</v>
      </c>
      <c r="O21" s="3"/>
    </row>
    <row r="22" spans="2:15" ht="18.95" customHeight="1">
      <c r="B22" s="6"/>
      <c r="C22" s="21" t="s">
        <v>18</v>
      </c>
      <c r="D22" s="7"/>
      <c r="E22" s="8">
        <v>-264</v>
      </c>
      <c r="F22" s="9">
        <v>-70</v>
      </c>
      <c r="G22" s="9">
        <v>100</v>
      </c>
      <c r="H22" s="9">
        <v>170</v>
      </c>
      <c r="I22" s="9">
        <v>-194</v>
      </c>
      <c r="J22" s="9">
        <v>697</v>
      </c>
      <c r="K22" s="9">
        <v>891</v>
      </c>
      <c r="L22" s="25">
        <v>-0.116941967548604</v>
      </c>
      <c r="M22" s="10">
        <v>106.9</v>
      </c>
      <c r="N22" s="23">
        <v>2.5</v>
      </c>
      <c r="O22" s="3"/>
    </row>
    <row r="23" spans="2:15" ht="18.95" customHeight="1">
      <c r="B23" s="47"/>
      <c r="C23" s="52" t="s">
        <v>19</v>
      </c>
      <c r="D23" s="53"/>
      <c r="E23" s="54">
        <v>32</v>
      </c>
      <c r="F23" s="55">
        <v>-21</v>
      </c>
      <c r="G23" s="55">
        <v>156</v>
      </c>
      <c r="H23" s="55">
        <v>177</v>
      </c>
      <c r="I23" s="55">
        <v>53</v>
      </c>
      <c r="J23" s="55">
        <v>901</v>
      </c>
      <c r="K23" s="55">
        <v>848</v>
      </c>
      <c r="L23" s="56">
        <v>1.3595961999286213E-2</v>
      </c>
      <c r="M23" s="57">
        <v>99.9</v>
      </c>
      <c r="N23" s="58">
        <v>2.6</v>
      </c>
      <c r="O23" s="3"/>
    </row>
    <row r="24" spans="2:15" ht="18.95" customHeight="1">
      <c r="B24" s="6"/>
      <c r="C24" s="21" t="s">
        <v>20</v>
      </c>
      <c r="D24" s="7"/>
      <c r="E24" s="8">
        <v>6</v>
      </c>
      <c r="F24" s="9">
        <v>-8</v>
      </c>
      <c r="G24" s="9">
        <v>71</v>
      </c>
      <c r="H24" s="9">
        <v>79</v>
      </c>
      <c r="I24" s="9">
        <v>14</v>
      </c>
      <c r="J24" s="9">
        <v>360</v>
      </c>
      <c r="K24" s="9">
        <v>346</v>
      </c>
      <c r="L24" s="25">
        <v>5.8709563787941055E-3</v>
      </c>
      <c r="M24" s="10">
        <v>102.5</v>
      </c>
      <c r="N24" s="23">
        <v>1.1000000000000001</v>
      </c>
      <c r="O24" s="3"/>
    </row>
    <row r="25" spans="2:15" ht="18.95" customHeight="1">
      <c r="B25" s="47"/>
      <c r="C25" s="52" t="s">
        <v>21</v>
      </c>
      <c r="D25" s="53"/>
      <c r="E25" s="54">
        <v>30</v>
      </c>
      <c r="F25" s="55">
        <v>-7</v>
      </c>
      <c r="G25" s="55">
        <v>87</v>
      </c>
      <c r="H25" s="55">
        <v>94</v>
      </c>
      <c r="I25" s="55">
        <v>37</v>
      </c>
      <c r="J25" s="55">
        <v>460</v>
      </c>
      <c r="K25" s="55">
        <v>423</v>
      </c>
      <c r="L25" s="56">
        <v>2.2826186200809569E-2</v>
      </c>
      <c r="M25" s="57">
        <v>101.4</v>
      </c>
      <c r="N25" s="58">
        <v>1.4</v>
      </c>
      <c r="O25" s="3"/>
    </row>
    <row r="26" spans="2:15" ht="18.95" customHeight="1">
      <c r="B26" s="6"/>
      <c r="C26" s="21" t="s">
        <v>22</v>
      </c>
      <c r="D26" s="7"/>
      <c r="E26" s="8">
        <v>-24</v>
      </c>
      <c r="F26" s="9">
        <v>-7</v>
      </c>
      <c r="G26" s="9">
        <v>82</v>
      </c>
      <c r="H26" s="9">
        <v>89</v>
      </c>
      <c r="I26" s="9">
        <v>-17</v>
      </c>
      <c r="J26" s="9">
        <v>501</v>
      </c>
      <c r="K26" s="9">
        <v>518</v>
      </c>
      <c r="L26" s="25">
        <v>-1.8542125391122957E-2</v>
      </c>
      <c r="M26" s="10">
        <v>99.8</v>
      </c>
      <c r="N26" s="23">
        <v>1.4</v>
      </c>
      <c r="O26" s="3"/>
    </row>
    <row r="27" spans="2:15" ht="18.95" customHeight="1">
      <c r="B27" s="47"/>
      <c r="C27" s="52" t="s">
        <v>23</v>
      </c>
      <c r="D27" s="53"/>
      <c r="E27" s="54">
        <v>-62</v>
      </c>
      <c r="F27" s="55">
        <v>-26</v>
      </c>
      <c r="G27" s="55">
        <v>17</v>
      </c>
      <c r="H27" s="55">
        <v>43</v>
      </c>
      <c r="I27" s="55">
        <v>-36</v>
      </c>
      <c r="J27" s="55">
        <v>81</v>
      </c>
      <c r="K27" s="55">
        <v>117</v>
      </c>
      <c r="L27" s="56">
        <v>-0.14559117059997653</v>
      </c>
      <c r="M27" s="57">
        <v>97.1</v>
      </c>
      <c r="N27" s="58">
        <v>0.5</v>
      </c>
      <c r="O27" s="3"/>
    </row>
    <row r="28" spans="2:15" ht="18.95" customHeight="1">
      <c r="B28" s="6"/>
      <c r="C28" s="21" t="s">
        <v>24</v>
      </c>
      <c r="D28" s="7"/>
      <c r="E28" s="8">
        <v>-14</v>
      </c>
      <c r="F28" s="9">
        <v>-17</v>
      </c>
      <c r="G28" s="9">
        <v>42</v>
      </c>
      <c r="H28" s="9">
        <v>59</v>
      </c>
      <c r="I28" s="9">
        <v>3</v>
      </c>
      <c r="J28" s="9">
        <v>294</v>
      </c>
      <c r="K28" s="9">
        <v>291</v>
      </c>
      <c r="L28" s="25">
        <v>-1.6610704412514981E-2</v>
      </c>
      <c r="M28" s="10">
        <v>103.6</v>
      </c>
      <c r="N28" s="23">
        <v>0.9</v>
      </c>
      <c r="O28" s="3"/>
    </row>
    <row r="29" spans="2:15" ht="18.95" customHeight="1">
      <c r="B29" s="47"/>
      <c r="C29" s="52" t="s">
        <v>31</v>
      </c>
      <c r="D29" s="53"/>
      <c r="E29" s="54">
        <v>-34</v>
      </c>
      <c r="F29" s="55">
        <v>-28</v>
      </c>
      <c r="G29" s="55">
        <v>14</v>
      </c>
      <c r="H29" s="55">
        <v>42</v>
      </c>
      <c r="I29" s="55">
        <v>-6</v>
      </c>
      <c r="J29" s="55">
        <v>83</v>
      </c>
      <c r="K29" s="55">
        <v>89</v>
      </c>
      <c r="L29" s="56">
        <v>-0.10654299323138632</v>
      </c>
      <c r="M29" s="57">
        <v>89.7</v>
      </c>
      <c r="N29" s="58">
        <v>0.3</v>
      </c>
      <c r="O29" s="3"/>
    </row>
    <row r="30" spans="2:15" ht="18.95" customHeight="1">
      <c r="B30" s="6"/>
      <c r="C30" s="21" t="s">
        <v>32</v>
      </c>
      <c r="D30" s="7"/>
      <c r="E30" s="8">
        <v>-21</v>
      </c>
      <c r="F30" s="9">
        <v>-18</v>
      </c>
      <c r="G30" s="9">
        <v>25</v>
      </c>
      <c r="H30" s="9">
        <v>43</v>
      </c>
      <c r="I30" s="9">
        <v>-3</v>
      </c>
      <c r="J30" s="9">
        <v>155</v>
      </c>
      <c r="K30" s="9">
        <v>158</v>
      </c>
      <c r="L30" s="25">
        <v>-4.3596503975585961E-2</v>
      </c>
      <c r="M30" s="10">
        <v>102.7</v>
      </c>
      <c r="N30" s="23">
        <v>0.5</v>
      </c>
      <c r="O30" s="3"/>
    </row>
    <row r="31" spans="2:15" ht="18.95" customHeight="1">
      <c r="B31" s="47"/>
      <c r="C31" s="52" t="s">
        <v>33</v>
      </c>
      <c r="D31" s="53"/>
      <c r="E31" s="54">
        <v>-1</v>
      </c>
      <c r="F31" s="55">
        <v>-19</v>
      </c>
      <c r="G31" s="55">
        <v>15</v>
      </c>
      <c r="H31" s="55">
        <v>34</v>
      </c>
      <c r="I31" s="55">
        <v>18</v>
      </c>
      <c r="J31" s="55">
        <v>99</v>
      </c>
      <c r="K31" s="55">
        <v>81</v>
      </c>
      <c r="L31" s="56">
        <v>-3.1731928666624359E-3</v>
      </c>
      <c r="M31" s="57">
        <v>95.5</v>
      </c>
      <c r="N31" s="58">
        <v>0.3</v>
      </c>
      <c r="O31" s="3"/>
    </row>
    <row r="32" spans="2:15" ht="18.95" customHeight="1">
      <c r="B32" s="6"/>
      <c r="C32" s="21" t="s">
        <v>34</v>
      </c>
      <c r="D32" s="7"/>
      <c r="E32" s="8">
        <v>-24</v>
      </c>
      <c r="F32" s="9">
        <v>-20</v>
      </c>
      <c r="G32" s="9">
        <v>10</v>
      </c>
      <c r="H32" s="9">
        <v>30</v>
      </c>
      <c r="I32" s="9">
        <v>-4</v>
      </c>
      <c r="J32" s="9">
        <v>67</v>
      </c>
      <c r="K32" s="9">
        <v>71</v>
      </c>
      <c r="L32" s="25">
        <v>-8.5781685610122241E-2</v>
      </c>
      <c r="M32" s="10">
        <v>92.9</v>
      </c>
      <c r="N32" s="23">
        <v>0.3</v>
      </c>
      <c r="O32" s="3"/>
    </row>
    <row r="33" spans="1:15" ht="18.95" customHeight="1">
      <c r="B33" s="47"/>
      <c r="C33" s="52" t="s">
        <v>35</v>
      </c>
      <c r="D33" s="53"/>
      <c r="E33" s="54">
        <v>5</v>
      </c>
      <c r="F33" s="55">
        <v>-4</v>
      </c>
      <c r="G33" s="55">
        <v>1</v>
      </c>
      <c r="H33" s="55">
        <v>5</v>
      </c>
      <c r="I33" s="55">
        <v>9</v>
      </c>
      <c r="J33" s="55">
        <v>30</v>
      </c>
      <c r="K33" s="55">
        <v>21</v>
      </c>
      <c r="L33" s="56">
        <v>5.2637119696810189E-2</v>
      </c>
      <c r="M33" s="57">
        <v>100.9</v>
      </c>
      <c r="N33" s="58">
        <v>0.1</v>
      </c>
      <c r="O33" s="3"/>
    </row>
    <row r="34" spans="1:15" ht="18.95" customHeight="1">
      <c r="B34" s="6"/>
      <c r="C34" s="21" t="s">
        <v>36</v>
      </c>
      <c r="D34" s="7"/>
      <c r="E34" s="8">
        <v>8</v>
      </c>
      <c r="F34" s="9">
        <v>-4</v>
      </c>
      <c r="G34" s="9">
        <v>9</v>
      </c>
      <c r="H34" s="9">
        <v>13</v>
      </c>
      <c r="I34" s="9">
        <v>12</v>
      </c>
      <c r="J34" s="9">
        <v>83</v>
      </c>
      <c r="K34" s="9">
        <v>71</v>
      </c>
      <c r="L34" s="25">
        <v>4.7147571900047147E-2</v>
      </c>
      <c r="M34" s="10">
        <v>99.2</v>
      </c>
      <c r="N34" s="23">
        <v>0.2</v>
      </c>
      <c r="O34" s="3"/>
    </row>
    <row r="35" spans="1:15" ht="18.95" customHeight="1">
      <c r="B35" s="47"/>
      <c r="C35" s="52" t="s">
        <v>37</v>
      </c>
      <c r="D35" s="53"/>
      <c r="E35" s="54">
        <v>-9</v>
      </c>
      <c r="F35" s="55">
        <v>-17</v>
      </c>
      <c r="G35" s="55">
        <v>3</v>
      </c>
      <c r="H35" s="55">
        <v>20</v>
      </c>
      <c r="I35" s="55">
        <v>8</v>
      </c>
      <c r="J35" s="55">
        <v>86</v>
      </c>
      <c r="K35" s="55">
        <v>78</v>
      </c>
      <c r="L35" s="56">
        <v>-8.2071858471639614E-2</v>
      </c>
      <c r="M35" s="57">
        <v>97.6</v>
      </c>
      <c r="N35" s="58">
        <v>0.1</v>
      </c>
      <c r="O35" s="3"/>
    </row>
    <row r="36" spans="1:15" ht="18.95" customHeight="1">
      <c r="B36" s="6"/>
      <c r="C36" s="21" t="s">
        <v>38</v>
      </c>
      <c r="D36" s="7"/>
      <c r="E36" s="8">
        <v>-23</v>
      </c>
      <c r="F36" s="9">
        <v>-9</v>
      </c>
      <c r="G36" s="9">
        <v>3</v>
      </c>
      <c r="H36" s="9">
        <v>12</v>
      </c>
      <c r="I36" s="9">
        <v>-14</v>
      </c>
      <c r="J36" s="9">
        <v>18</v>
      </c>
      <c r="K36" s="9">
        <v>32</v>
      </c>
      <c r="L36" s="25">
        <v>-0.22792587454167082</v>
      </c>
      <c r="M36" s="10">
        <v>96.4</v>
      </c>
      <c r="N36" s="23">
        <v>0.1</v>
      </c>
      <c r="O36" s="3"/>
    </row>
    <row r="37" spans="1:15" ht="18.95" customHeight="1">
      <c r="B37" s="47"/>
      <c r="C37" s="52" t="s">
        <v>39</v>
      </c>
      <c r="D37" s="53"/>
      <c r="E37" s="54">
        <v>11</v>
      </c>
      <c r="F37" s="55">
        <v>1</v>
      </c>
      <c r="G37" s="55">
        <v>13</v>
      </c>
      <c r="H37" s="55">
        <v>12</v>
      </c>
      <c r="I37" s="55">
        <v>10</v>
      </c>
      <c r="J37" s="55">
        <v>49</v>
      </c>
      <c r="K37" s="55">
        <v>39</v>
      </c>
      <c r="L37" s="56">
        <v>6.2624537432393962E-2</v>
      </c>
      <c r="M37" s="57">
        <v>95</v>
      </c>
      <c r="N37" s="58">
        <v>0.2</v>
      </c>
      <c r="O37" s="3"/>
    </row>
    <row r="38" spans="1:15" ht="18.95" customHeight="1">
      <c r="B38" s="6"/>
      <c r="C38" s="21" t="s">
        <v>40</v>
      </c>
      <c r="D38" s="7"/>
      <c r="E38" s="8">
        <v>-23</v>
      </c>
      <c r="F38" s="9">
        <v>-18</v>
      </c>
      <c r="G38" s="9">
        <v>5</v>
      </c>
      <c r="H38" s="9">
        <v>23</v>
      </c>
      <c r="I38" s="9">
        <v>-5</v>
      </c>
      <c r="J38" s="9">
        <v>83</v>
      </c>
      <c r="K38" s="9">
        <v>88</v>
      </c>
      <c r="L38" s="25">
        <v>-0.199982610207808</v>
      </c>
      <c r="M38" s="10">
        <v>91.9</v>
      </c>
      <c r="N38" s="23">
        <v>0.1</v>
      </c>
      <c r="O38" s="3"/>
    </row>
    <row r="39" spans="1:15" ht="18.95" customHeight="1">
      <c r="B39" s="47"/>
      <c r="C39" s="52" t="s">
        <v>41</v>
      </c>
      <c r="D39" s="53"/>
      <c r="E39" s="54">
        <v>-13</v>
      </c>
      <c r="F39" s="55">
        <v>-10</v>
      </c>
      <c r="G39" s="55">
        <v>3</v>
      </c>
      <c r="H39" s="55">
        <v>13</v>
      </c>
      <c r="I39" s="55">
        <v>-3</v>
      </c>
      <c r="J39" s="55">
        <v>16</v>
      </c>
      <c r="K39" s="55">
        <v>19</v>
      </c>
      <c r="L39" s="56">
        <v>-0.18523795953263039</v>
      </c>
      <c r="M39" s="57">
        <v>88</v>
      </c>
      <c r="N39" s="58">
        <v>0.1</v>
      </c>
      <c r="O39" s="3"/>
    </row>
    <row r="40" spans="1:15" ht="18.95" customHeight="1">
      <c r="B40" s="6"/>
      <c r="C40" s="21" t="s">
        <v>42</v>
      </c>
      <c r="D40" s="7"/>
      <c r="E40" s="8">
        <v>-21</v>
      </c>
      <c r="F40" s="9">
        <v>-27</v>
      </c>
      <c r="G40" s="9">
        <v>4</v>
      </c>
      <c r="H40" s="9">
        <v>31</v>
      </c>
      <c r="I40" s="9">
        <v>6</v>
      </c>
      <c r="J40" s="9">
        <v>85</v>
      </c>
      <c r="K40" s="9">
        <v>79</v>
      </c>
      <c r="L40" s="25">
        <v>-8.6270643332511707E-2</v>
      </c>
      <c r="M40" s="10">
        <v>86.8</v>
      </c>
      <c r="N40" s="23">
        <v>0.3</v>
      </c>
      <c r="O40" s="3"/>
    </row>
    <row r="41" spans="1:15" ht="18.95" customHeight="1">
      <c r="B41" s="47"/>
      <c r="C41" s="52" t="s">
        <v>43</v>
      </c>
      <c r="D41" s="53"/>
      <c r="E41" s="54">
        <v>-7</v>
      </c>
      <c r="F41" s="55">
        <v>-19</v>
      </c>
      <c r="G41" s="55">
        <v>19</v>
      </c>
      <c r="H41" s="55">
        <v>38</v>
      </c>
      <c r="I41" s="55">
        <v>12</v>
      </c>
      <c r="J41" s="55">
        <v>127</v>
      </c>
      <c r="K41" s="55">
        <v>115</v>
      </c>
      <c r="L41" s="56">
        <v>-1.7529361680815366E-2</v>
      </c>
      <c r="M41" s="57">
        <v>108.8</v>
      </c>
      <c r="N41" s="58">
        <v>0.4</v>
      </c>
      <c r="O41" s="3"/>
    </row>
    <row r="42" spans="1:15" ht="18.95" customHeight="1" thickBot="1">
      <c r="A42" s="14"/>
      <c r="B42" s="6"/>
      <c r="C42" s="21" t="s">
        <v>44</v>
      </c>
      <c r="D42" s="7"/>
      <c r="E42" s="11">
        <v>-4</v>
      </c>
      <c r="F42" s="12">
        <v>-4</v>
      </c>
      <c r="G42" s="12">
        <v>0</v>
      </c>
      <c r="H42" s="12">
        <v>4</v>
      </c>
      <c r="I42" s="12">
        <v>0</v>
      </c>
      <c r="J42" s="12">
        <v>3</v>
      </c>
      <c r="K42" s="12">
        <v>3</v>
      </c>
      <c r="L42" s="26">
        <v>-0.12783636944710769</v>
      </c>
      <c r="M42" s="13">
        <v>105.1</v>
      </c>
      <c r="N42" s="24">
        <v>0</v>
      </c>
      <c r="O42" s="3"/>
    </row>
    <row r="43" spans="1:15" ht="9.75" customHeight="1">
      <c r="B43" s="65"/>
      <c r="C43" s="66"/>
      <c r="D43" s="79"/>
      <c r="E43" s="68"/>
      <c r="F43" s="68"/>
      <c r="G43" s="68"/>
      <c r="H43" s="68"/>
      <c r="I43" s="68"/>
      <c r="J43" s="68"/>
      <c r="K43" s="68"/>
      <c r="L43" s="69"/>
      <c r="M43" s="70"/>
      <c r="N43" s="71"/>
      <c r="O43" s="3"/>
    </row>
    <row r="44" spans="1:15" ht="19.5" customHeight="1">
      <c r="B44" s="72" t="s">
        <v>57</v>
      </c>
      <c r="C44" s="73"/>
      <c r="D44" s="53"/>
      <c r="E44" s="74"/>
      <c r="F44" s="74"/>
      <c r="G44" s="74"/>
      <c r="H44" s="74"/>
      <c r="I44" s="74"/>
      <c r="J44" s="74"/>
      <c r="K44" s="74"/>
      <c r="L44" s="75"/>
      <c r="M44" s="76"/>
      <c r="N44" s="77"/>
    </row>
    <row r="45" spans="1:15" ht="19.5" customHeight="1">
      <c r="B45" s="72" t="s">
        <v>58</v>
      </c>
      <c r="C45" s="73"/>
      <c r="D45" s="53"/>
      <c r="E45" s="74"/>
      <c r="F45" s="74"/>
      <c r="G45" s="74"/>
      <c r="H45" s="78"/>
      <c r="I45" s="78"/>
      <c r="J45" s="78"/>
      <c r="K45" s="78"/>
      <c r="L45" s="78"/>
      <c r="M45" s="78"/>
      <c r="N45" s="31"/>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showGridLines="0" view="pageBreakPreview" zoomScale="75" zoomScaleNormal="70" zoomScaleSheetLayoutView="75" workbookViewId="0"/>
  </sheetViews>
  <sheetFormatPr defaultColWidth="12.125" defaultRowHeight="13.5"/>
  <cols>
    <col min="1" max="1" width="12.1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59</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48</v>
      </c>
      <c r="G3" s="91"/>
      <c r="H3" s="91"/>
      <c r="I3" s="161" t="s">
        <v>49</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3902</v>
      </c>
      <c r="F6" s="18">
        <v>-1767</v>
      </c>
      <c r="G6" s="18">
        <v>5356</v>
      </c>
      <c r="H6" s="18">
        <v>7123</v>
      </c>
      <c r="I6" s="18">
        <v>5669</v>
      </c>
      <c r="J6" s="18">
        <v>84754</v>
      </c>
      <c r="K6" s="18">
        <v>79085</v>
      </c>
      <c r="L6" s="27">
        <v>4.2611227370429709E-2</v>
      </c>
      <c r="M6" s="19">
        <v>99.5</v>
      </c>
      <c r="N6" s="22">
        <v>100</v>
      </c>
      <c r="O6" s="3"/>
    </row>
    <row r="7" spans="2:15" ht="18.95" customHeight="1">
      <c r="B7" s="100"/>
      <c r="C7" s="105" t="s">
        <v>4</v>
      </c>
      <c r="D7" s="106"/>
      <c r="E7" s="107">
        <v>4228</v>
      </c>
      <c r="F7" s="108">
        <v>-1596</v>
      </c>
      <c r="G7" s="108">
        <v>5220</v>
      </c>
      <c r="H7" s="108">
        <v>6816</v>
      </c>
      <c r="I7" s="108">
        <v>5824</v>
      </c>
      <c r="J7" s="108">
        <v>82934</v>
      </c>
      <c r="K7" s="108">
        <v>77110</v>
      </c>
      <c r="L7" s="109">
        <v>4.7683590281118897E-2</v>
      </c>
      <c r="M7" s="110">
        <v>99.5</v>
      </c>
      <c r="N7" s="111">
        <v>96.8</v>
      </c>
      <c r="O7" s="3"/>
    </row>
    <row r="8" spans="2:15" ht="18.95" customHeight="1">
      <c r="B8" s="100"/>
      <c r="C8" s="105" t="s">
        <v>5</v>
      </c>
      <c r="D8" s="106"/>
      <c r="E8" s="107">
        <v>-326</v>
      </c>
      <c r="F8" s="108">
        <v>-171</v>
      </c>
      <c r="G8" s="108">
        <v>136</v>
      </c>
      <c r="H8" s="108">
        <v>307</v>
      </c>
      <c r="I8" s="108">
        <v>-155</v>
      </c>
      <c r="J8" s="108">
        <v>1820</v>
      </c>
      <c r="K8" s="108">
        <v>1975</v>
      </c>
      <c r="L8" s="109">
        <v>-0.11224774385478035</v>
      </c>
      <c r="M8" s="110">
        <v>96.9</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1977</v>
      </c>
      <c r="F10" s="9">
        <v>-741</v>
      </c>
      <c r="G10" s="9">
        <v>2134</v>
      </c>
      <c r="H10" s="9">
        <v>2875</v>
      </c>
      <c r="I10" s="9">
        <v>2718</v>
      </c>
      <c r="J10" s="9">
        <v>37010</v>
      </c>
      <c r="K10" s="9">
        <v>34292</v>
      </c>
      <c r="L10" s="25">
        <v>5.3006532109973678E-2</v>
      </c>
      <c r="M10" s="10">
        <v>98.8</v>
      </c>
      <c r="N10" s="23">
        <v>40.700000000000003</v>
      </c>
      <c r="O10" s="3"/>
    </row>
    <row r="11" spans="2:15" ht="18.95" customHeight="1">
      <c r="B11" s="100"/>
      <c r="C11" s="105" t="s">
        <v>7</v>
      </c>
      <c r="D11" s="106"/>
      <c r="E11" s="107">
        <v>4146</v>
      </c>
      <c r="F11" s="108">
        <v>181</v>
      </c>
      <c r="G11" s="108">
        <v>1115</v>
      </c>
      <c r="H11" s="108">
        <v>934</v>
      </c>
      <c r="I11" s="108">
        <v>3965</v>
      </c>
      <c r="J11" s="108">
        <v>19261</v>
      </c>
      <c r="K11" s="108">
        <v>15296</v>
      </c>
      <c r="L11" s="109">
        <v>0.27534615846948446</v>
      </c>
      <c r="M11" s="110">
        <v>102.7</v>
      </c>
      <c r="N11" s="111">
        <v>16.5</v>
      </c>
      <c r="O11" s="3"/>
    </row>
    <row r="12" spans="2:15" ht="18.95" customHeight="1">
      <c r="B12" s="6"/>
      <c r="C12" s="21" t="s">
        <v>15</v>
      </c>
      <c r="D12" s="7"/>
      <c r="E12" s="8">
        <v>4</v>
      </c>
      <c r="F12" s="9">
        <v>-121</v>
      </c>
      <c r="G12" s="9">
        <v>396</v>
      </c>
      <c r="H12" s="9">
        <v>517</v>
      </c>
      <c r="I12" s="9">
        <v>125</v>
      </c>
      <c r="J12" s="9">
        <v>5550</v>
      </c>
      <c r="K12" s="9">
        <v>5425</v>
      </c>
      <c r="L12" s="25">
        <v>5.5376351529079504E-4</v>
      </c>
      <c r="M12" s="10">
        <v>100.2</v>
      </c>
      <c r="N12" s="23">
        <v>7.9</v>
      </c>
      <c r="O12" s="3"/>
    </row>
    <row r="13" spans="2:15" ht="18.95" customHeight="1">
      <c r="B13" s="100"/>
      <c r="C13" s="105" t="s">
        <v>8</v>
      </c>
      <c r="D13" s="106"/>
      <c r="E13" s="107">
        <v>-1725</v>
      </c>
      <c r="F13" s="108">
        <v>-183</v>
      </c>
      <c r="G13" s="108">
        <v>217</v>
      </c>
      <c r="H13" s="108">
        <v>400</v>
      </c>
      <c r="I13" s="108">
        <v>-1542</v>
      </c>
      <c r="J13" s="108">
        <v>2161</v>
      </c>
      <c r="K13" s="108">
        <v>3703</v>
      </c>
      <c r="L13" s="109">
        <v>-0.43183189347645956</v>
      </c>
      <c r="M13" s="110">
        <v>99.1</v>
      </c>
      <c r="N13" s="111">
        <v>4.3</v>
      </c>
      <c r="O13" s="3"/>
    </row>
    <row r="14" spans="2:15" ht="18.95" customHeight="1">
      <c r="B14" s="6"/>
      <c r="C14" s="21" t="s">
        <v>9</v>
      </c>
      <c r="D14" s="7"/>
      <c r="E14" s="8">
        <v>-71</v>
      </c>
      <c r="F14" s="9">
        <v>-98</v>
      </c>
      <c r="G14" s="9">
        <v>127</v>
      </c>
      <c r="H14" s="9">
        <v>225</v>
      </c>
      <c r="I14" s="9">
        <v>27</v>
      </c>
      <c r="J14" s="9">
        <v>1682</v>
      </c>
      <c r="K14" s="9">
        <v>1655</v>
      </c>
      <c r="L14" s="25">
        <v>-2.7515860374448232E-2</v>
      </c>
      <c r="M14" s="10">
        <v>100.5</v>
      </c>
      <c r="N14" s="23">
        <v>2.8</v>
      </c>
      <c r="O14" s="3"/>
    </row>
    <row r="15" spans="2:15" ht="18.95" customHeight="1">
      <c r="B15" s="100"/>
      <c r="C15" s="105" t="s">
        <v>10</v>
      </c>
      <c r="D15" s="106"/>
      <c r="E15" s="107">
        <v>217</v>
      </c>
      <c r="F15" s="108">
        <v>-93</v>
      </c>
      <c r="G15" s="108">
        <v>78</v>
      </c>
      <c r="H15" s="108">
        <v>171</v>
      </c>
      <c r="I15" s="108">
        <v>310</v>
      </c>
      <c r="J15" s="108">
        <v>1365</v>
      </c>
      <c r="K15" s="108">
        <v>1055</v>
      </c>
      <c r="L15" s="109">
        <v>0.12617966355966204</v>
      </c>
      <c r="M15" s="110">
        <v>89.1</v>
      </c>
      <c r="N15" s="111">
        <v>1.9</v>
      </c>
      <c r="O15" s="3"/>
    </row>
    <row r="16" spans="2:15" ht="18.95" customHeight="1">
      <c r="B16" s="6"/>
      <c r="C16" s="21" t="s">
        <v>11</v>
      </c>
      <c r="D16" s="7"/>
      <c r="E16" s="8">
        <v>270</v>
      </c>
      <c r="F16" s="9">
        <v>-44</v>
      </c>
      <c r="G16" s="9">
        <v>266</v>
      </c>
      <c r="H16" s="9">
        <v>310</v>
      </c>
      <c r="I16" s="9">
        <v>314</v>
      </c>
      <c r="J16" s="9">
        <v>3503</v>
      </c>
      <c r="K16" s="9">
        <v>3189</v>
      </c>
      <c r="L16" s="25">
        <v>6.2930168489699262E-2</v>
      </c>
      <c r="M16" s="10">
        <v>97.7</v>
      </c>
      <c r="N16" s="23">
        <v>4.7</v>
      </c>
      <c r="O16" s="3"/>
    </row>
    <row r="17" spans="2:15" ht="18.95" customHeight="1">
      <c r="B17" s="100"/>
      <c r="C17" s="105" t="s">
        <v>12</v>
      </c>
      <c r="D17" s="106"/>
      <c r="E17" s="107">
        <v>-356</v>
      </c>
      <c r="F17" s="108">
        <v>-138</v>
      </c>
      <c r="G17" s="108">
        <v>63</v>
      </c>
      <c r="H17" s="108">
        <v>201</v>
      </c>
      <c r="I17" s="108">
        <v>-218</v>
      </c>
      <c r="J17" s="108">
        <v>1111</v>
      </c>
      <c r="K17" s="108">
        <v>1329</v>
      </c>
      <c r="L17" s="109">
        <v>-0.18572524141672883</v>
      </c>
      <c r="M17" s="110">
        <v>94.9</v>
      </c>
      <c r="N17" s="111">
        <v>2.1</v>
      </c>
      <c r="O17" s="3"/>
    </row>
    <row r="18" spans="2:15" ht="18.95" customHeight="1">
      <c r="B18" s="6"/>
      <c r="C18" s="21" t="s">
        <v>13</v>
      </c>
      <c r="D18" s="7"/>
      <c r="E18" s="8">
        <v>47</v>
      </c>
      <c r="F18" s="9">
        <v>-50</v>
      </c>
      <c r="G18" s="9">
        <v>146</v>
      </c>
      <c r="H18" s="9">
        <v>196</v>
      </c>
      <c r="I18" s="9">
        <v>97</v>
      </c>
      <c r="J18" s="9">
        <v>1602</v>
      </c>
      <c r="K18" s="9">
        <v>1505</v>
      </c>
      <c r="L18" s="25">
        <v>1.9462906598753545E-2</v>
      </c>
      <c r="M18" s="10">
        <v>95</v>
      </c>
      <c r="N18" s="23">
        <v>2.6</v>
      </c>
      <c r="O18" s="3"/>
    </row>
    <row r="19" spans="2:15" ht="18.95" customHeight="1">
      <c r="B19" s="100"/>
      <c r="C19" s="105" t="s">
        <v>14</v>
      </c>
      <c r="D19" s="106"/>
      <c r="E19" s="107">
        <v>-43</v>
      </c>
      <c r="F19" s="108">
        <v>-28</v>
      </c>
      <c r="G19" s="108">
        <v>24</v>
      </c>
      <c r="H19" s="108">
        <v>52</v>
      </c>
      <c r="I19" s="108">
        <v>-15</v>
      </c>
      <c r="J19" s="108">
        <v>328</v>
      </c>
      <c r="K19" s="108">
        <v>343</v>
      </c>
      <c r="L19" s="109">
        <v>-7.5094741621697145E-2</v>
      </c>
      <c r="M19" s="110">
        <v>87.7</v>
      </c>
      <c r="N19" s="111">
        <v>0.6</v>
      </c>
      <c r="O19" s="3"/>
    </row>
    <row r="20" spans="2:15" ht="18.95" customHeight="1">
      <c r="B20" s="6"/>
      <c r="C20" s="21" t="s">
        <v>16</v>
      </c>
      <c r="D20" s="7"/>
      <c r="E20" s="8">
        <v>-92</v>
      </c>
      <c r="F20" s="9">
        <v>-52</v>
      </c>
      <c r="G20" s="9">
        <v>11</v>
      </c>
      <c r="H20" s="9">
        <v>63</v>
      </c>
      <c r="I20" s="9">
        <v>-40</v>
      </c>
      <c r="J20" s="9">
        <v>202</v>
      </c>
      <c r="K20" s="9">
        <v>242</v>
      </c>
      <c r="L20" s="25">
        <v>-0.21119809003466405</v>
      </c>
      <c r="M20" s="10">
        <v>92.3</v>
      </c>
      <c r="N20" s="23">
        <v>0.5</v>
      </c>
      <c r="O20" s="3"/>
    </row>
    <row r="21" spans="2:15" ht="18.95" customHeight="1">
      <c r="B21" s="100"/>
      <c r="C21" s="105" t="s">
        <v>17</v>
      </c>
      <c r="D21" s="106"/>
      <c r="E21" s="107">
        <v>-166</v>
      </c>
      <c r="F21" s="108">
        <v>-58</v>
      </c>
      <c r="G21" s="108">
        <v>67</v>
      </c>
      <c r="H21" s="108">
        <v>125</v>
      </c>
      <c r="I21" s="108">
        <v>-108</v>
      </c>
      <c r="J21" s="108">
        <v>1065</v>
      </c>
      <c r="K21" s="108">
        <v>1173</v>
      </c>
      <c r="L21" s="109">
        <v>-0.10016533314024353</v>
      </c>
      <c r="M21" s="110">
        <v>104.8</v>
      </c>
      <c r="N21" s="111">
        <v>1.8</v>
      </c>
      <c r="O21" s="3"/>
    </row>
    <row r="22" spans="2:15" ht="18.95" customHeight="1">
      <c r="B22" s="6"/>
      <c r="C22" s="21" t="s">
        <v>18</v>
      </c>
      <c r="D22" s="7"/>
      <c r="E22" s="8">
        <v>-295</v>
      </c>
      <c r="F22" s="9">
        <v>-33</v>
      </c>
      <c r="G22" s="9">
        <v>135</v>
      </c>
      <c r="H22" s="9">
        <v>168</v>
      </c>
      <c r="I22" s="9">
        <v>-262</v>
      </c>
      <c r="J22" s="9">
        <v>1741</v>
      </c>
      <c r="K22" s="9">
        <v>2003</v>
      </c>
      <c r="L22" s="25">
        <v>-0.13082678090727265</v>
      </c>
      <c r="M22" s="10">
        <v>107</v>
      </c>
      <c r="N22" s="23">
        <v>2.5</v>
      </c>
      <c r="O22" s="3"/>
    </row>
    <row r="23" spans="2:15" ht="18.95" customHeight="1">
      <c r="B23" s="100"/>
      <c r="C23" s="105" t="s">
        <v>19</v>
      </c>
      <c r="D23" s="106"/>
      <c r="E23" s="107">
        <v>-39</v>
      </c>
      <c r="F23" s="108">
        <v>-24</v>
      </c>
      <c r="G23" s="108">
        <v>153</v>
      </c>
      <c r="H23" s="108">
        <v>177</v>
      </c>
      <c r="I23" s="108">
        <v>-15</v>
      </c>
      <c r="J23" s="108">
        <v>1939</v>
      </c>
      <c r="K23" s="108">
        <v>1954</v>
      </c>
      <c r="L23" s="109">
        <v>-1.6567826131285154E-2</v>
      </c>
      <c r="M23" s="110">
        <v>99.9</v>
      </c>
      <c r="N23" s="111">
        <v>2.6</v>
      </c>
      <c r="O23" s="3"/>
    </row>
    <row r="24" spans="2:15" ht="18.95" customHeight="1">
      <c r="B24" s="6"/>
      <c r="C24" s="21" t="s">
        <v>20</v>
      </c>
      <c r="D24" s="7"/>
      <c r="E24" s="8">
        <v>212</v>
      </c>
      <c r="F24" s="9">
        <v>-28</v>
      </c>
      <c r="G24" s="9">
        <v>53</v>
      </c>
      <c r="H24" s="9">
        <v>81</v>
      </c>
      <c r="I24" s="9">
        <v>240</v>
      </c>
      <c r="J24" s="9">
        <v>1101</v>
      </c>
      <c r="K24" s="9">
        <v>861</v>
      </c>
      <c r="L24" s="25">
        <v>0.2074282806935149</v>
      </c>
      <c r="M24" s="10">
        <v>102.9</v>
      </c>
      <c r="N24" s="23">
        <v>1.1000000000000001</v>
      </c>
      <c r="O24" s="3"/>
    </row>
    <row r="25" spans="2:15" ht="18.95" customHeight="1">
      <c r="B25" s="100"/>
      <c r="C25" s="105" t="s">
        <v>21</v>
      </c>
      <c r="D25" s="106"/>
      <c r="E25" s="107">
        <v>492</v>
      </c>
      <c r="F25" s="108">
        <v>-13</v>
      </c>
      <c r="G25" s="108">
        <v>86</v>
      </c>
      <c r="H25" s="108">
        <v>99</v>
      </c>
      <c r="I25" s="108">
        <v>505</v>
      </c>
      <c r="J25" s="108">
        <v>1415</v>
      </c>
      <c r="K25" s="108">
        <v>910</v>
      </c>
      <c r="L25" s="109">
        <v>0.37426402349039239</v>
      </c>
      <c r="M25" s="110">
        <v>101.4</v>
      </c>
      <c r="N25" s="111">
        <v>1.4</v>
      </c>
      <c r="O25" s="3"/>
    </row>
    <row r="26" spans="2:15" ht="18.95" customHeight="1">
      <c r="B26" s="6"/>
      <c r="C26" s="21" t="s">
        <v>22</v>
      </c>
      <c r="D26" s="7"/>
      <c r="E26" s="8">
        <v>-24</v>
      </c>
      <c r="F26" s="9">
        <v>-28</v>
      </c>
      <c r="G26" s="9">
        <v>78</v>
      </c>
      <c r="H26" s="9">
        <v>106</v>
      </c>
      <c r="I26" s="9">
        <v>4</v>
      </c>
      <c r="J26" s="9">
        <v>1111</v>
      </c>
      <c r="K26" s="9">
        <v>1107</v>
      </c>
      <c r="L26" s="25">
        <v>-1.8545564132878965E-2</v>
      </c>
      <c r="M26" s="10">
        <v>99.7</v>
      </c>
      <c r="N26" s="23">
        <v>1.4</v>
      </c>
      <c r="O26" s="3"/>
    </row>
    <row r="27" spans="2:15" ht="18.95" customHeight="1">
      <c r="B27" s="100"/>
      <c r="C27" s="105" t="s">
        <v>23</v>
      </c>
      <c r="D27" s="106"/>
      <c r="E27" s="107">
        <v>-96</v>
      </c>
      <c r="F27" s="108">
        <v>-20</v>
      </c>
      <c r="G27" s="108">
        <v>21</v>
      </c>
      <c r="H27" s="108">
        <v>41</v>
      </c>
      <c r="I27" s="108">
        <v>-76</v>
      </c>
      <c r="J27" s="108">
        <v>203</v>
      </c>
      <c r="K27" s="108">
        <v>279</v>
      </c>
      <c r="L27" s="109">
        <v>-0.22576017684547189</v>
      </c>
      <c r="M27" s="110">
        <v>97.1</v>
      </c>
      <c r="N27" s="111">
        <v>0.5</v>
      </c>
      <c r="O27" s="3"/>
    </row>
    <row r="28" spans="2:15" ht="18.95" customHeight="1">
      <c r="B28" s="6"/>
      <c r="C28" s="21" t="s">
        <v>24</v>
      </c>
      <c r="D28" s="7"/>
      <c r="E28" s="8">
        <v>-230</v>
      </c>
      <c r="F28" s="9">
        <v>-25</v>
      </c>
      <c r="G28" s="9">
        <v>50</v>
      </c>
      <c r="H28" s="9">
        <v>75</v>
      </c>
      <c r="I28" s="9">
        <v>-205</v>
      </c>
      <c r="J28" s="9">
        <v>584</v>
      </c>
      <c r="K28" s="9">
        <v>789</v>
      </c>
      <c r="L28" s="25">
        <v>-0.27293548042577936</v>
      </c>
      <c r="M28" s="10">
        <v>103.6</v>
      </c>
      <c r="N28" s="23">
        <v>0.9</v>
      </c>
      <c r="O28" s="3"/>
    </row>
    <row r="29" spans="2:15" ht="18.95" customHeight="1">
      <c r="B29" s="100"/>
      <c r="C29" s="105" t="s">
        <v>31</v>
      </c>
      <c r="D29" s="106"/>
      <c r="E29" s="107">
        <v>24</v>
      </c>
      <c r="F29" s="108">
        <v>-20</v>
      </c>
      <c r="G29" s="108">
        <v>14</v>
      </c>
      <c r="H29" s="108">
        <v>34</v>
      </c>
      <c r="I29" s="108">
        <v>44</v>
      </c>
      <c r="J29" s="108">
        <v>213</v>
      </c>
      <c r="K29" s="108">
        <v>169</v>
      </c>
      <c r="L29" s="109">
        <v>7.5287031808770943E-2</v>
      </c>
      <c r="M29" s="110">
        <v>89.7</v>
      </c>
      <c r="N29" s="111">
        <v>0.3</v>
      </c>
      <c r="O29" s="3"/>
    </row>
    <row r="30" spans="2:15" ht="18.95" customHeight="1">
      <c r="B30" s="6"/>
      <c r="C30" s="21" t="s">
        <v>32</v>
      </c>
      <c r="D30" s="7"/>
      <c r="E30" s="8">
        <v>-10</v>
      </c>
      <c r="F30" s="9">
        <v>-7</v>
      </c>
      <c r="G30" s="9">
        <v>33</v>
      </c>
      <c r="H30" s="9">
        <v>40</v>
      </c>
      <c r="I30" s="9">
        <v>-3</v>
      </c>
      <c r="J30" s="9">
        <v>303</v>
      </c>
      <c r="K30" s="9">
        <v>306</v>
      </c>
      <c r="L30" s="25">
        <v>-2.0769294674752845E-2</v>
      </c>
      <c r="M30" s="10">
        <v>102.7</v>
      </c>
      <c r="N30" s="23">
        <v>0.5</v>
      </c>
      <c r="O30" s="3"/>
    </row>
    <row r="31" spans="2:15" ht="18.95" customHeight="1">
      <c r="B31" s="100"/>
      <c r="C31" s="105" t="s">
        <v>33</v>
      </c>
      <c r="D31" s="106"/>
      <c r="E31" s="107">
        <v>-9</v>
      </c>
      <c r="F31" s="108">
        <v>-12</v>
      </c>
      <c r="G31" s="108">
        <v>12</v>
      </c>
      <c r="H31" s="108">
        <v>24</v>
      </c>
      <c r="I31" s="108">
        <v>3</v>
      </c>
      <c r="J31" s="108">
        <v>174</v>
      </c>
      <c r="K31" s="108">
        <v>171</v>
      </c>
      <c r="L31" s="109">
        <v>-2.8559642052486275E-2</v>
      </c>
      <c r="M31" s="110">
        <v>95.4</v>
      </c>
      <c r="N31" s="111">
        <v>0.3</v>
      </c>
      <c r="O31" s="3"/>
    </row>
    <row r="32" spans="2:15" ht="18.95" customHeight="1">
      <c r="B32" s="6"/>
      <c r="C32" s="21" t="s">
        <v>34</v>
      </c>
      <c r="D32" s="7"/>
      <c r="E32" s="8">
        <v>-7</v>
      </c>
      <c r="F32" s="9">
        <v>-14</v>
      </c>
      <c r="G32" s="9">
        <v>11</v>
      </c>
      <c r="H32" s="9">
        <v>25</v>
      </c>
      <c r="I32" s="9">
        <v>7</v>
      </c>
      <c r="J32" s="9">
        <v>168</v>
      </c>
      <c r="K32" s="9">
        <v>161</v>
      </c>
      <c r="L32" s="25">
        <v>-2.5041139014094584E-2</v>
      </c>
      <c r="M32" s="10">
        <v>92.9</v>
      </c>
      <c r="N32" s="23">
        <v>0.3</v>
      </c>
      <c r="O32" s="3"/>
    </row>
    <row r="33" spans="1:15" ht="18.95" customHeight="1">
      <c r="B33" s="100"/>
      <c r="C33" s="105" t="s">
        <v>35</v>
      </c>
      <c r="D33" s="106"/>
      <c r="E33" s="107">
        <v>-21</v>
      </c>
      <c r="F33" s="108">
        <v>-7</v>
      </c>
      <c r="G33" s="108">
        <v>2</v>
      </c>
      <c r="H33" s="108">
        <v>9</v>
      </c>
      <c r="I33" s="108">
        <v>-14</v>
      </c>
      <c r="J33" s="108">
        <v>48</v>
      </c>
      <c r="K33" s="108">
        <v>62</v>
      </c>
      <c r="L33" s="109">
        <v>-0.22095959595959594</v>
      </c>
      <c r="M33" s="110">
        <v>101.1</v>
      </c>
      <c r="N33" s="111">
        <v>0.1</v>
      </c>
      <c r="O33" s="3"/>
    </row>
    <row r="34" spans="1:15" ht="18.95" customHeight="1">
      <c r="B34" s="6"/>
      <c r="C34" s="21" t="s">
        <v>36</v>
      </c>
      <c r="D34" s="7"/>
      <c r="E34" s="8">
        <v>-35</v>
      </c>
      <c r="F34" s="9">
        <v>-7</v>
      </c>
      <c r="G34" s="9">
        <v>7</v>
      </c>
      <c r="H34" s="9">
        <v>14</v>
      </c>
      <c r="I34" s="9">
        <v>-28</v>
      </c>
      <c r="J34" s="9">
        <v>93</v>
      </c>
      <c r="K34" s="9">
        <v>121</v>
      </c>
      <c r="L34" s="25">
        <v>-0.20617342130065974</v>
      </c>
      <c r="M34" s="10">
        <v>99</v>
      </c>
      <c r="N34" s="23">
        <v>0.2</v>
      </c>
      <c r="O34" s="3"/>
    </row>
    <row r="35" spans="1:15" ht="18.95" customHeight="1">
      <c r="B35" s="100"/>
      <c r="C35" s="105" t="s">
        <v>37</v>
      </c>
      <c r="D35" s="106"/>
      <c r="E35" s="107">
        <v>5</v>
      </c>
      <c r="F35" s="108">
        <v>-8</v>
      </c>
      <c r="G35" s="108">
        <v>7</v>
      </c>
      <c r="H35" s="108">
        <v>15</v>
      </c>
      <c r="I35" s="108">
        <v>13</v>
      </c>
      <c r="J35" s="108">
        <v>97</v>
      </c>
      <c r="K35" s="108">
        <v>84</v>
      </c>
      <c r="L35" s="109">
        <v>4.5632928721365339E-2</v>
      </c>
      <c r="M35" s="110">
        <v>97.8</v>
      </c>
      <c r="N35" s="111">
        <v>0.1</v>
      </c>
      <c r="O35" s="3"/>
    </row>
    <row r="36" spans="1:15" ht="18.95" customHeight="1">
      <c r="B36" s="6"/>
      <c r="C36" s="21" t="s">
        <v>38</v>
      </c>
      <c r="D36" s="7"/>
      <c r="E36" s="8">
        <v>-51</v>
      </c>
      <c r="F36" s="9">
        <v>-17</v>
      </c>
      <c r="G36" s="9">
        <v>3</v>
      </c>
      <c r="H36" s="9">
        <v>20</v>
      </c>
      <c r="I36" s="9">
        <v>-34</v>
      </c>
      <c r="J36" s="9">
        <v>29</v>
      </c>
      <c r="K36" s="9">
        <v>63</v>
      </c>
      <c r="L36" s="25">
        <v>-0.50655542312276525</v>
      </c>
      <c r="M36" s="10">
        <v>96.2</v>
      </c>
      <c r="N36" s="23">
        <v>0.1</v>
      </c>
      <c r="O36" s="3"/>
    </row>
    <row r="37" spans="1:15" ht="18.95" customHeight="1">
      <c r="B37" s="100"/>
      <c r="C37" s="105" t="s">
        <v>39</v>
      </c>
      <c r="D37" s="106"/>
      <c r="E37" s="107">
        <v>20</v>
      </c>
      <c r="F37" s="108">
        <v>-10</v>
      </c>
      <c r="G37" s="108">
        <v>9</v>
      </c>
      <c r="H37" s="108">
        <v>19</v>
      </c>
      <c r="I37" s="108">
        <v>30</v>
      </c>
      <c r="J37" s="108">
        <v>125</v>
      </c>
      <c r="K37" s="108">
        <v>95</v>
      </c>
      <c r="L37" s="109">
        <v>0.11379153390987709</v>
      </c>
      <c r="M37" s="110">
        <v>94.6</v>
      </c>
      <c r="N37" s="111">
        <v>0.2</v>
      </c>
      <c r="O37" s="3"/>
    </row>
    <row r="38" spans="1:15" ht="18.95" customHeight="1">
      <c r="B38" s="6"/>
      <c r="C38" s="21" t="s">
        <v>40</v>
      </c>
      <c r="D38" s="7"/>
      <c r="E38" s="8">
        <v>-45</v>
      </c>
      <c r="F38" s="9">
        <v>-10</v>
      </c>
      <c r="G38" s="9">
        <v>5</v>
      </c>
      <c r="H38" s="9">
        <v>15</v>
      </c>
      <c r="I38" s="9">
        <v>-35</v>
      </c>
      <c r="J38" s="9">
        <v>161</v>
      </c>
      <c r="K38" s="9">
        <v>196</v>
      </c>
      <c r="L38" s="25">
        <v>-0.39205436487192885</v>
      </c>
      <c r="M38" s="10">
        <v>91.7</v>
      </c>
      <c r="N38" s="23">
        <v>0.1</v>
      </c>
      <c r="O38" s="3"/>
    </row>
    <row r="39" spans="1:15" ht="18.95" customHeight="1">
      <c r="B39" s="100"/>
      <c r="C39" s="105" t="s">
        <v>41</v>
      </c>
      <c r="D39" s="106"/>
      <c r="E39" s="107">
        <v>-14</v>
      </c>
      <c r="F39" s="108">
        <v>-8</v>
      </c>
      <c r="G39" s="108">
        <v>3</v>
      </c>
      <c r="H39" s="108">
        <v>11</v>
      </c>
      <c r="I39" s="108">
        <v>-6</v>
      </c>
      <c r="J39" s="108">
        <v>30</v>
      </c>
      <c r="K39" s="108">
        <v>36</v>
      </c>
      <c r="L39" s="109">
        <v>-0.1998572448251249</v>
      </c>
      <c r="M39" s="110">
        <v>87.8</v>
      </c>
      <c r="N39" s="111">
        <v>0.1</v>
      </c>
      <c r="O39" s="3"/>
    </row>
    <row r="40" spans="1:15" ht="18.95" customHeight="1">
      <c r="B40" s="6"/>
      <c r="C40" s="21" t="s">
        <v>42</v>
      </c>
      <c r="D40" s="7"/>
      <c r="E40" s="8">
        <v>-58</v>
      </c>
      <c r="F40" s="9">
        <v>-17</v>
      </c>
      <c r="G40" s="9">
        <v>10</v>
      </c>
      <c r="H40" s="9">
        <v>27</v>
      </c>
      <c r="I40" s="9">
        <v>-41</v>
      </c>
      <c r="J40" s="9">
        <v>155</v>
      </c>
      <c r="K40" s="9">
        <v>196</v>
      </c>
      <c r="L40" s="25">
        <v>-0.23847703630607295</v>
      </c>
      <c r="M40" s="10">
        <v>86.8</v>
      </c>
      <c r="N40" s="23">
        <v>0.3</v>
      </c>
      <c r="O40" s="3"/>
    </row>
    <row r="41" spans="1:15" ht="18.95" customHeight="1">
      <c r="B41" s="100"/>
      <c r="C41" s="105" t="s">
        <v>43</v>
      </c>
      <c r="D41" s="106"/>
      <c r="E41" s="107">
        <v>-138</v>
      </c>
      <c r="F41" s="108">
        <v>-33</v>
      </c>
      <c r="G41" s="108">
        <v>18</v>
      </c>
      <c r="H41" s="108">
        <v>51</v>
      </c>
      <c r="I41" s="108">
        <v>-105</v>
      </c>
      <c r="J41" s="108">
        <v>196</v>
      </c>
      <c r="K41" s="108">
        <v>301</v>
      </c>
      <c r="L41" s="109">
        <v>-0.34563943295095928</v>
      </c>
      <c r="M41" s="110">
        <v>108.7</v>
      </c>
      <c r="N41" s="111">
        <v>0.4</v>
      </c>
      <c r="O41" s="3"/>
    </row>
    <row r="42" spans="1:15" ht="18.95" customHeight="1" thickBot="1">
      <c r="A42" s="14"/>
      <c r="B42" s="6"/>
      <c r="C42" s="21" t="s">
        <v>44</v>
      </c>
      <c r="D42" s="7"/>
      <c r="E42" s="11">
        <v>13</v>
      </c>
      <c r="F42" s="12">
        <v>-1</v>
      </c>
      <c r="G42" s="12">
        <v>2</v>
      </c>
      <c r="H42" s="12">
        <v>3</v>
      </c>
      <c r="I42" s="12">
        <v>14</v>
      </c>
      <c r="J42" s="12">
        <v>28</v>
      </c>
      <c r="K42" s="12">
        <v>14</v>
      </c>
      <c r="L42" s="26">
        <v>0.41599999999999998</v>
      </c>
      <c r="M42" s="13">
        <v>104.8</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60</v>
      </c>
      <c r="C44" s="126"/>
      <c r="D44" s="106"/>
      <c r="E44" s="127"/>
      <c r="F44" s="127"/>
      <c r="G44" s="127"/>
      <c r="H44" s="127"/>
      <c r="I44" s="127"/>
      <c r="J44" s="127"/>
      <c r="K44" s="127"/>
      <c r="L44" s="128"/>
      <c r="M44" s="129"/>
      <c r="N44" s="130"/>
    </row>
    <row r="45" spans="1:15" ht="19.5" customHeight="1">
      <c r="B45" s="125" t="s">
        <v>52</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showGridLines="0" view="pageBreakPreview" zoomScale="75" zoomScaleNormal="70" zoomScaleSheetLayoutView="75" workbookViewId="0"/>
  </sheetViews>
  <sheetFormatPr defaultColWidth="12.125" defaultRowHeight="13.5"/>
  <cols>
    <col min="1" max="1" width="12.1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61</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48</v>
      </c>
      <c r="G3" s="91"/>
      <c r="H3" s="91"/>
      <c r="I3" s="161" t="s">
        <v>49</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16721</v>
      </c>
      <c r="F6" s="18">
        <v>-1102</v>
      </c>
      <c r="G6" s="18">
        <v>5172</v>
      </c>
      <c r="H6" s="18">
        <v>6274</v>
      </c>
      <c r="I6" s="18">
        <v>17823</v>
      </c>
      <c r="J6" s="18">
        <v>61546</v>
      </c>
      <c r="K6" s="18">
        <v>43723</v>
      </c>
      <c r="L6" s="27">
        <v>0.1825214905656114</v>
      </c>
      <c r="M6" s="19">
        <v>99.5</v>
      </c>
      <c r="N6" s="22">
        <v>100</v>
      </c>
      <c r="O6" s="3"/>
    </row>
    <row r="7" spans="2:15" ht="18.95" customHeight="1">
      <c r="B7" s="100"/>
      <c r="C7" s="105" t="s">
        <v>4</v>
      </c>
      <c r="D7" s="106"/>
      <c r="E7" s="107">
        <v>16490</v>
      </c>
      <c r="F7" s="108">
        <v>-956</v>
      </c>
      <c r="G7" s="108">
        <v>5053</v>
      </c>
      <c r="H7" s="108">
        <v>6009</v>
      </c>
      <c r="I7" s="108">
        <v>17446</v>
      </c>
      <c r="J7" s="108">
        <v>60081</v>
      </c>
      <c r="K7" s="108">
        <v>42635</v>
      </c>
      <c r="L7" s="109">
        <v>0.185886387232119</v>
      </c>
      <c r="M7" s="110">
        <v>99.6</v>
      </c>
      <c r="N7" s="111">
        <v>96.8</v>
      </c>
      <c r="O7" s="3"/>
    </row>
    <row r="8" spans="2:15" ht="18.95" customHeight="1">
      <c r="B8" s="100"/>
      <c r="C8" s="105" t="s">
        <v>5</v>
      </c>
      <c r="D8" s="106"/>
      <c r="E8" s="107">
        <v>231</v>
      </c>
      <c r="F8" s="108">
        <v>-146</v>
      </c>
      <c r="G8" s="108">
        <v>119</v>
      </c>
      <c r="H8" s="108">
        <v>265</v>
      </c>
      <c r="I8" s="108">
        <v>377</v>
      </c>
      <c r="J8" s="108">
        <v>1465</v>
      </c>
      <c r="K8" s="108">
        <v>1088</v>
      </c>
      <c r="L8" s="109">
        <v>7.9626891138664543E-2</v>
      </c>
      <c r="M8" s="110">
        <v>96.9</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7324</v>
      </c>
      <c r="F10" s="9">
        <v>-401</v>
      </c>
      <c r="G10" s="9">
        <v>2103</v>
      </c>
      <c r="H10" s="9">
        <v>2504</v>
      </c>
      <c r="I10" s="9">
        <v>7725</v>
      </c>
      <c r="J10" s="9">
        <v>27305</v>
      </c>
      <c r="K10" s="9">
        <v>19580</v>
      </c>
      <c r="L10" s="25">
        <v>0.19626412155727166</v>
      </c>
      <c r="M10" s="10">
        <v>98.8</v>
      </c>
      <c r="N10" s="23">
        <v>40.700000000000003</v>
      </c>
      <c r="O10" s="3"/>
    </row>
    <row r="11" spans="2:15" ht="18.95" customHeight="1">
      <c r="B11" s="100"/>
      <c r="C11" s="105" t="s">
        <v>7</v>
      </c>
      <c r="D11" s="106"/>
      <c r="E11" s="107">
        <v>3870</v>
      </c>
      <c r="F11" s="108">
        <v>198</v>
      </c>
      <c r="G11" s="108">
        <v>1057</v>
      </c>
      <c r="H11" s="108">
        <v>859</v>
      </c>
      <c r="I11" s="108">
        <v>3672</v>
      </c>
      <c r="J11" s="108">
        <v>12665</v>
      </c>
      <c r="K11" s="108">
        <v>8993</v>
      </c>
      <c r="L11" s="109">
        <v>0.25631057158582066</v>
      </c>
      <c r="M11" s="110">
        <v>102.7</v>
      </c>
      <c r="N11" s="111">
        <v>16.5</v>
      </c>
      <c r="O11" s="3"/>
    </row>
    <row r="12" spans="2:15" ht="18.95" customHeight="1">
      <c r="B12" s="6"/>
      <c r="C12" s="21" t="s">
        <v>15</v>
      </c>
      <c r="D12" s="7"/>
      <c r="E12" s="8">
        <v>958</v>
      </c>
      <c r="F12" s="9">
        <v>-87</v>
      </c>
      <c r="G12" s="9">
        <v>391</v>
      </c>
      <c r="H12" s="9">
        <v>478</v>
      </c>
      <c r="I12" s="9">
        <v>1045</v>
      </c>
      <c r="J12" s="9">
        <v>4097</v>
      </c>
      <c r="K12" s="9">
        <v>3052</v>
      </c>
      <c r="L12" s="25">
        <v>0.13262562747980852</v>
      </c>
      <c r="M12" s="10">
        <v>100.1</v>
      </c>
      <c r="N12" s="23">
        <v>7.9</v>
      </c>
      <c r="O12" s="3"/>
    </row>
    <row r="13" spans="2:15" ht="18.95" customHeight="1">
      <c r="B13" s="100"/>
      <c r="C13" s="105" t="s">
        <v>8</v>
      </c>
      <c r="D13" s="106"/>
      <c r="E13" s="107">
        <v>2469</v>
      </c>
      <c r="F13" s="108">
        <v>-198</v>
      </c>
      <c r="G13" s="108">
        <v>161</v>
      </c>
      <c r="H13" s="108">
        <v>359</v>
      </c>
      <c r="I13" s="108">
        <v>2667</v>
      </c>
      <c r="J13" s="108">
        <v>4002</v>
      </c>
      <c r="K13" s="108">
        <v>1335</v>
      </c>
      <c r="L13" s="109">
        <v>0.62076352153187042</v>
      </c>
      <c r="M13" s="110">
        <v>100.1</v>
      </c>
      <c r="N13" s="111">
        <v>4.4000000000000004</v>
      </c>
      <c r="O13" s="3"/>
    </row>
    <row r="14" spans="2:15" ht="18.95" customHeight="1">
      <c r="B14" s="6"/>
      <c r="C14" s="21" t="s">
        <v>9</v>
      </c>
      <c r="D14" s="7"/>
      <c r="E14" s="8">
        <v>104</v>
      </c>
      <c r="F14" s="9">
        <v>-46</v>
      </c>
      <c r="G14" s="9">
        <v>142</v>
      </c>
      <c r="H14" s="9">
        <v>188</v>
      </c>
      <c r="I14" s="9">
        <v>150</v>
      </c>
      <c r="J14" s="9">
        <v>1011</v>
      </c>
      <c r="K14" s="9">
        <v>861</v>
      </c>
      <c r="L14" s="25">
        <v>4.0316015537172144E-2</v>
      </c>
      <c r="M14" s="10">
        <v>100.5</v>
      </c>
      <c r="N14" s="23">
        <v>2.8</v>
      </c>
      <c r="O14" s="3"/>
    </row>
    <row r="15" spans="2:15" ht="18.95" customHeight="1">
      <c r="B15" s="100"/>
      <c r="C15" s="105" t="s">
        <v>10</v>
      </c>
      <c r="D15" s="106"/>
      <c r="E15" s="107">
        <v>107</v>
      </c>
      <c r="F15" s="108">
        <v>-60</v>
      </c>
      <c r="G15" s="108">
        <v>80</v>
      </c>
      <c r="H15" s="108">
        <v>140</v>
      </c>
      <c r="I15" s="108">
        <v>167</v>
      </c>
      <c r="J15" s="108">
        <v>918</v>
      </c>
      <c r="K15" s="108">
        <v>751</v>
      </c>
      <c r="L15" s="109">
        <v>6.2139215071372982E-2</v>
      </c>
      <c r="M15" s="110">
        <v>88.9</v>
      </c>
      <c r="N15" s="111">
        <v>1.9</v>
      </c>
      <c r="O15" s="3"/>
    </row>
    <row r="16" spans="2:15" ht="18.95" customHeight="1">
      <c r="B16" s="6"/>
      <c r="C16" s="21" t="s">
        <v>11</v>
      </c>
      <c r="D16" s="7"/>
      <c r="E16" s="8">
        <v>759</v>
      </c>
      <c r="F16" s="9">
        <v>-11</v>
      </c>
      <c r="G16" s="9">
        <v>274</v>
      </c>
      <c r="H16" s="9">
        <v>285</v>
      </c>
      <c r="I16" s="9">
        <v>770</v>
      </c>
      <c r="J16" s="9">
        <v>2284</v>
      </c>
      <c r="K16" s="9">
        <v>1514</v>
      </c>
      <c r="L16" s="25">
        <v>0.17679244008506534</v>
      </c>
      <c r="M16" s="10">
        <v>97.8</v>
      </c>
      <c r="N16" s="23">
        <v>4.7</v>
      </c>
      <c r="O16" s="3"/>
    </row>
    <row r="17" spans="2:15" ht="18.95" customHeight="1">
      <c r="B17" s="100"/>
      <c r="C17" s="105" t="s">
        <v>12</v>
      </c>
      <c r="D17" s="106"/>
      <c r="E17" s="107">
        <v>41</v>
      </c>
      <c r="F17" s="108">
        <v>-98</v>
      </c>
      <c r="G17" s="108">
        <v>93</v>
      </c>
      <c r="H17" s="108">
        <v>191</v>
      </c>
      <c r="I17" s="108">
        <v>139</v>
      </c>
      <c r="J17" s="108">
        <v>773</v>
      </c>
      <c r="K17" s="108">
        <v>634</v>
      </c>
      <c r="L17" s="109">
        <v>2.1429504769371489E-2</v>
      </c>
      <c r="M17" s="110">
        <v>94.9</v>
      </c>
      <c r="N17" s="111">
        <v>2.1</v>
      </c>
      <c r="O17" s="3"/>
    </row>
    <row r="18" spans="2:15" ht="18.95" customHeight="1">
      <c r="B18" s="6"/>
      <c r="C18" s="21" t="s">
        <v>13</v>
      </c>
      <c r="D18" s="7"/>
      <c r="E18" s="8">
        <v>243</v>
      </c>
      <c r="F18" s="9">
        <v>-46</v>
      </c>
      <c r="G18" s="9">
        <v>115</v>
      </c>
      <c r="H18" s="9">
        <v>161</v>
      </c>
      <c r="I18" s="9">
        <v>289</v>
      </c>
      <c r="J18" s="9">
        <v>1087</v>
      </c>
      <c r="K18" s="9">
        <v>798</v>
      </c>
      <c r="L18" s="25">
        <v>0.10060778695990594</v>
      </c>
      <c r="M18" s="10">
        <v>94.9</v>
      </c>
      <c r="N18" s="23">
        <v>2.6</v>
      </c>
      <c r="O18" s="3"/>
    </row>
    <row r="19" spans="2:15" ht="18.95" customHeight="1">
      <c r="B19" s="100"/>
      <c r="C19" s="105" t="s">
        <v>14</v>
      </c>
      <c r="D19" s="106"/>
      <c r="E19" s="107">
        <v>1</v>
      </c>
      <c r="F19" s="108">
        <v>-24</v>
      </c>
      <c r="G19" s="108">
        <v>30</v>
      </c>
      <c r="H19" s="108">
        <v>54</v>
      </c>
      <c r="I19" s="108">
        <v>25</v>
      </c>
      <c r="J19" s="108">
        <v>272</v>
      </c>
      <c r="K19" s="108">
        <v>247</v>
      </c>
      <c r="L19" s="109">
        <v>1.7477017721695969E-3</v>
      </c>
      <c r="M19" s="110">
        <v>87.7</v>
      </c>
      <c r="N19" s="111">
        <v>0.6</v>
      </c>
      <c r="O19" s="3"/>
    </row>
    <row r="20" spans="2:15" ht="18.95" customHeight="1">
      <c r="B20" s="6"/>
      <c r="C20" s="21" t="s">
        <v>16</v>
      </c>
      <c r="D20" s="7"/>
      <c r="E20" s="8">
        <v>-15</v>
      </c>
      <c r="F20" s="9">
        <v>-31</v>
      </c>
      <c r="G20" s="9">
        <v>12</v>
      </c>
      <c r="H20" s="9">
        <v>43</v>
      </c>
      <c r="I20" s="9">
        <v>16</v>
      </c>
      <c r="J20" s="9">
        <v>150</v>
      </c>
      <c r="K20" s="9">
        <v>134</v>
      </c>
      <c r="L20" s="25">
        <v>-3.4507350065563963E-2</v>
      </c>
      <c r="M20" s="10">
        <v>92.3</v>
      </c>
      <c r="N20" s="23">
        <v>0.5</v>
      </c>
      <c r="O20" s="3"/>
    </row>
    <row r="21" spans="2:15" ht="18.95" customHeight="1">
      <c r="B21" s="100"/>
      <c r="C21" s="105" t="s">
        <v>17</v>
      </c>
      <c r="D21" s="106"/>
      <c r="E21" s="107">
        <v>135</v>
      </c>
      <c r="F21" s="108">
        <v>-55</v>
      </c>
      <c r="G21" s="108">
        <v>65</v>
      </c>
      <c r="H21" s="108">
        <v>120</v>
      </c>
      <c r="I21" s="108">
        <v>190</v>
      </c>
      <c r="J21" s="108">
        <v>737</v>
      </c>
      <c r="K21" s="108">
        <v>547</v>
      </c>
      <c r="L21" s="109">
        <v>8.154143512925828E-2</v>
      </c>
      <c r="M21" s="110">
        <v>104.8</v>
      </c>
      <c r="N21" s="111">
        <v>1.8</v>
      </c>
      <c r="O21" s="3"/>
    </row>
    <row r="22" spans="2:15" ht="18.95" customHeight="1">
      <c r="B22" s="6"/>
      <c r="C22" s="21" t="s">
        <v>18</v>
      </c>
      <c r="D22" s="7"/>
      <c r="E22" s="8">
        <v>150</v>
      </c>
      <c r="F22" s="9">
        <v>-34</v>
      </c>
      <c r="G22" s="9">
        <v>116</v>
      </c>
      <c r="H22" s="9">
        <v>150</v>
      </c>
      <c r="I22" s="9">
        <v>184</v>
      </c>
      <c r="J22" s="9">
        <v>1156</v>
      </c>
      <c r="K22" s="9">
        <v>972</v>
      </c>
      <c r="L22" s="25">
        <v>6.66092347042994E-2</v>
      </c>
      <c r="M22" s="10">
        <v>107.1</v>
      </c>
      <c r="N22" s="23">
        <v>2.5</v>
      </c>
      <c r="O22" s="3"/>
    </row>
    <row r="23" spans="2:15" ht="18.95" customHeight="1">
      <c r="B23" s="100"/>
      <c r="C23" s="105" t="s">
        <v>19</v>
      </c>
      <c r="D23" s="106"/>
      <c r="E23" s="107">
        <v>76</v>
      </c>
      <c r="F23" s="108">
        <v>-18</v>
      </c>
      <c r="G23" s="108">
        <v>135</v>
      </c>
      <c r="H23" s="108">
        <v>153</v>
      </c>
      <c r="I23" s="108">
        <v>94</v>
      </c>
      <c r="J23" s="108">
        <v>1183</v>
      </c>
      <c r="K23" s="108">
        <v>1089</v>
      </c>
      <c r="L23" s="109">
        <v>3.2291370131332403E-2</v>
      </c>
      <c r="M23" s="110">
        <v>99.9</v>
      </c>
      <c r="N23" s="111">
        <v>2.6</v>
      </c>
      <c r="O23" s="3"/>
    </row>
    <row r="24" spans="2:15" ht="18.95" customHeight="1">
      <c r="B24" s="6"/>
      <c r="C24" s="21" t="s">
        <v>20</v>
      </c>
      <c r="D24" s="7"/>
      <c r="E24" s="8">
        <v>116</v>
      </c>
      <c r="F24" s="9">
        <v>-11</v>
      </c>
      <c r="G24" s="9">
        <v>53</v>
      </c>
      <c r="H24" s="9">
        <v>64</v>
      </c>
      <c r="I24" s="9">
        <v>127</v>
      </c>
      <c r="J24" s="9">
        <v>591</v>
      </c>
      <c r="K24" s="9">
        <v>464</v>
      </c>
      <c r="L24" s="25">
        <v>0.11326355256991096</v>
      </c>
      <c r="M24" s="10">
        <v>102.9</v>
      </c>
      <c r="N24" s="23">
        <v>1.1000000000000001</v>
      </c>
      <c r="O24" s="3"/>
    </row>
    <row r="25" spans="2:15" ht="18.95" customHeight="1">
      <c r="B25" s="100"/>
      <c r="C25" s="105" t="s">
        <v>21</v>
      </c>
      <c r="D25" s="106"/>
      <c r="E25" s="107">
        <v>112</v>
      </c>
      <c r="F25" s="108">
        <v>-10</v>
      </c>
      <c r="G25" s="108">
        <v>76</v>
      </c>
      <c r="H25" s="108">
        <v>86</v>
      </c>
      <c r="I25" s="108">
        <v>122</v>
      </c>
      <c r="J25" s="108">
        <v>661</v>
      </c>
      <c r="K25" s="108">
        <v>539</v>
      </c>
      <c r="L25" s="109">
        <v>8.4880636604774545E-2</v>
      </c>
      <c r="M25" s="110">
        <v>101.4</v>
      </c>
      <c r="N25" s="111">
        <v>1.4</v>
      </c>
      <c r="O25" s="3"/>
    </row>
    <row r="26" spans="2:15" ht="18.95" customHeight="1">
      <c r="B26" s="6"/>
      <c r="C26" s="21" t="s">
        <v>22</v>
      </c>
      <c r="D26" s="7"/>
      <c r="E26" s="8">
        <v>43</v>
      </c>
      <c r="F26" s="9">
        <v>-4</v>
      </c>
      <c r="G26" s="9">
        <v>75</v>
      </c>
      <c r="H26" s="9">
        <v>79</v>
      </c>
      <c r="I26" s="9">
        <v>47</v>
      </c>
      <c r="J26" s="9">
        <v>666</v>
      </c>
      <c r="K26" s="9">
        <v>619</v>
      </c>
      <c r="L26" s="25">
        <v>3.3233632436025257E-2</v>
      </c>
      <c r="M26" s="10">
        <v>99.6</v>
      </c>
      <c r="N26" s="23">
        <v>1.4</v>
      </c>
      <c r="O26" s="3"/>
    </row>
    <row r="27" spans="2:15" ht="18.95" customHeight="1">
      <c r="B27" s="100"/>
      <c r="C27" s="105" t="s">
        <v>23</v>
      </c>
      <c r="D27" s="106"/>
      <c r="E27" s="107">
        <v>-5</v>
      </c>
      <c r="F27" s="108">
        <v>-13</v>
      </c>
      <c r="G27" s="108">
        <v>25</v>
      </c>
      <c r="H27" s="108">
        <v>38</v>
      </c>
      <c r="I27" s="108">
        <v>8</v>
      </c>
      <c r="J27" s="108">
        <v>123</v>
      </c>
      <c r="K27" s="108">
        <v>115</v>
      </c>
      <c r="L27" s="109">
        <v>-1.1784948264077121E-2</v>
      </c>
      <c r="M27" s="110">
        <v>97</v>
      </c>
      <c r="N27" s="111">
        <v>0.5</v>
      </c>
      <c r="O27" s="3"/>
    </row>
    <row r="28" spans="2:15" ht="18.95" customHeight="1">
      <c r="B28" s="6"/>
      <c r="C28" s="21" t="s">
        <v>24</v>
      </c>
      <c r="D28" s="7"/>
      <c r="E28" s="8">
        <v>2</v>
      </c>
      <c r="F28" s="9">
        <v>-7</v>
      </c>
      <c r="G28" s="9">
        <v>50</v>
      </c>
      <c r="H28" s="9">
        <v>57</v>
      </c>
      <c r="I28" s="9">
        <v>9</v>
      </c>
      <c r="J28" s="9">
        <v>400</v>
      </c>
      <c r="K28" s="9">
        <v>391</v>
      </c>
      <c r="L28" s="25">
        <v>2.3798474517783409E-3</v>
      </c>
      <c r="M28" s="10">
        <v>103.6</v>
      </c>
      <c r="N28" s="23">
        <v>0.9</v>
      </c>
      <c r="O28" s="3"/>
    </row>
    <row r="29" spans="2:15" ht="18.95" customHeight="1">
      <c r="B29" s="100"/>
      <c r="C29" s="105" t="s">
        <v>31</v>
      </c>
      <c r="D29" s="106"/>
      <c r="E29" s="107">
        <v>18</v>
      </c>
      <c r="F29" s="108">
        <v>-19</v>
      </c>
      <c r="G29" s="108">
        <v>9</v>
      </c>
      <c r="H29" s="108">
        <v>28</v>
      </c>
      <c r="I29" s="108">
        <v>37</v>
      </c>
      <c r="J29" s="108">
        <v>147</v>
      </c>
      <c r="K29" s="108">
        <v>110</v>
      </c>
      <c r="L29" s="109">
        <v>5.642279480910288E-2</v>
      </c>
      <c r="M29" s="110">
        <v>89.6</v>
      </c>
      <c r="N29" s="111">
        <v>0.3</v>
      </c>
      <c r="O29" s="3"/>
    </row>
    <row r="30" spans="2:15" ht="18.95" customHeight="1">
      <c r="B30" s="6"/>
      <c r="C30" s="21" t="s">
        <v>32</v>
      </c>
      <c r="D30" s="7"/>
      <c r="E30" s="8">
        <v>36</v>
      </c>
      <c r="F30" s="9">
        <v>-1</v>
      </c>
      <c r="G30" s="9">
        <v>25</v>
      </c>
      <c r="H30" s="9">
        <v>26</v>
      </c>
      <c r="I30" s="9">
        <v>37</v>
      </c>
      <c r="J30" s="9">
        <v>219</v>
      </c>
      <c r="K30" s="9">
        <v>182</v>
      </c>
      <c r="L30" s="25">
        <v>7.4784993144708961E-2</v>
      </c>
      <c r="M30" s="10">
        <v>102.8</v>
      </c>
      <c r="N30" s="23">
        <v>0.5</v>
      </c>
      <c r="O30" s="3"/>
    </row>
    <row r="31" spans="2:15" ht="18.95" customHeight="1">
      <c r="B31" s="100"/>
      <c r="C31" s="105" t="s">
        <v>33</v>
      </c>
      <c r="D31" s="106"/>
      <c r="E31" s="107">
        <v>10</v>
      </c>
      <c r="F31" s="108">
        <v>-19</v>
      </c>
      <c r="G31" s="108">
        <v>18</v>
      </c>
      <c r="H31" s="108">
        <v>37</v>
      </c>
      <c r="I31" s="108">
        <v>29</v>
      </c>
      <c r="J31" s="108">
        <v>129</v>
      </c>
      <c r="K31" s="108">
        <v>100</v>
      </c>
      <c r="L31" s="109">
        <v>3.174200101574403E-2</v>
      </c>
      <c r="M31" s="110">
        <v>95.6</v>
      </c>
      <c r="N31" s="111">
        <v>0.3</v>
      </c>
      <c r="O31" s="3"/>
    </row>
    <row r="32" spans="2:15" ht="18.95" customHeight="1">
      <c r="B32" s="6"/>
      <c r="C32" s="21" t="s">
        <v>34</v>
      </c>
      <c r="D32" s="7"/>
      <c r="E32" s="8">
        <v>-3</v>
      </c>
      <c r="F32" s="9">
        <v>-22</v>
      </c>
      <c r="G32" s="9">
        <v>8</v>
      </c>
      <c r="H32" s="9">
        <v>30</v>
      </c>
      <c r="I32" s="9">
        <v>19</v>
      </c>
      <c r="J32" s="9">
        <v>106</v>
      </c>
      <c r="K32" s="9">
        <v>87</v>
      </c>
      <c r="L32" s="25">
        <v>-1.0734604787633734E-2</v>
      </c>
      <c r="M32" s="10">
        <v>92.9</v>
      </c>
      <c r="N32" s="23">
        <v>0.3</v>
      </c>
      <c r="O32" s="3"/>
    </row>
    <row r="33" spans="1:15" ht="18.95" customHeight="1">
      <c r="B33" s="100"/>
      <c r="C33" s="105" t="s">
        <v>35</v>
      </c>
      <c r="D33" s="106"/>
      <c r="E33" s="107">
        <v>-2</v>
      </c>
      <c r="F33" s="108">
        <v>-2</v>
      </c>
      <c r="G33" s="108">
        <v>2</v>
      </c>
      <c r="H33" s="108">
        <v>4</v>
      </c>
      <c r="I33" s="108">
        <v>0</v>
      </c>
      <c r="J33" s="108">
        <v>38</v>
      </c>
      <c r="K33" s="108">
        <v>38</v>
      </c>
      <c r="L33" s="109">
        <v>-2.1090372245070127E-2</v>
      </c>
      <c r="M33" s="110">
        <v>101.2</v>
      </c>
      <c r="N33" s="111">
        <v>0.1</v>
      </c>
      <c r="O33" s="3"/>
    </row>
    <row r="34" spans="1:15" ht="18.95" customHeight="1">
      <c r="B34" s="6"/>
      <c r="C34" s="21" t="s">
        <v>36</v>
      </c>
      <c r="D34" s="7"/>
      <c r="E34" s="8">
        <v>25</v>
      </c>
      <c r="F34" s="9">
        <v>-5</v>
      </c>
      <c r="G34" s="9">
        <v>7</v>
      </c>
      <c r="H34" s="9">
        <v>12</v>
      </c>
      <c r="I34" s="9">
        <v>30</v>
      </c>
      <c r="J34" s="9">
        <v>78</v>
      </c>
      <c r="K34" s="9">
        <v>48</v>
      </c>
      <c r="L34" s="25">
        <v>0.14757098164216989</v>
      </c>
      <c r="M34" s="10">
        <v>98.9</v>
      </c>
      <c r="N34" s="23">
        <v>0.2</v>
      </c>
      <c r="O34" s="3"/>
    </row>
    <row r="35" spans="1:15" ht="18.95" customHeight="1">
      <c r="B35" s="100"/>
      <c r="C35" s="105" t="s">
        <v>37</v>
      </c>
      <c r="D35" s="106"/>
      <c r="E35" s="107">
        <v>0</v>
      </c>
      <c r="F35" s="108">
        <v>-11</v>
      </c>
      <c r="G35" s="108">
        <v>4</v>
      </c>
      <c r="H35" s="108">
        <v>15</v>
      </c>
      <c r="I35" s="108">
        <v>11</v>
      </c>
      <c r="J35" s="108">
        <v>48</v>
      </c>
      <c r="K35" s="108">
        <v>37</v>
      </c>
      <c r="L35" s="109">
        <v>0</v>
      </c>
      <c r="M35" s="110">
        <v>97.7</v>
      </c>
      <c r="N35" s="111">
        <v>0.1</v>
      </c>
      <c r="O35" s="3"/>
    </row>
    <row r="36" spans="1:15" ht="18.95" customHeight="1">
      <c r="B36" s="6"/>
      <c r="C36" s="21" t="s">
        <v>38</v>
      </c>
      <c r="D36" s="7"/>
      <c r="E36" s="8">
        <v>-20</v>
      </c>
      <c r="F36" s="9">
        <v>-20</v>
      </c>
      <c r="G36" s="9">
        <v>1</v>
      </c>
      <c r="H36" s="9">
        <v>21</v>
      </c>
      <c r="I36" s="9">
        <v>0</v>
      </c>
      <c r="J36" s="9">
        <v>21</v>
      </c>
      <c r="K36" s="9">
        <v>21</v>
      </c>
      <c r="L36" s="25">
        <v>-0.19966057701906759</v>
      </c>
      <c r="M36" s="10">
        <v>96.3</v>
      </c>
      <c r="N36" s="23">
        <v>0.1</v>
      </c>
      <c r="O36" s="3"/>
    </row>
    <row r="37" spans="1:15" ht="18.95" customHeight="1">
      <c r="B37" s="100"/>
      <c r="C37" s="105" t="s">
        <v>39</v>
      </c>
      <c r="D37" s="106"/>
      <c r="E37" s="107">
        <v>34</v>
      </c>
      <c r="F37" s="108">
        <v>2</v>
      </c>
      <c r="G37" s="108">
        <v>9</v>
      </c>
      <c r="H37" s="108">
        <v>7</v>
      </c>
      <c r="I37" s="108">
        <v>32</v>
      </c>
      <c r="J37" s="108">
        <v>90</v>
      </c>
      <c r="K37" s="108">
        <v>58</v>
      </c>
      <c r="L37" s="109">
        <v>0.1932257331211639</v>
      </c>
      <c r="M37" s="110">
        <v>94.9</v>
      </c>
      <c r="N37" s="111">
        <v>0.2</v>
      </c>
      <c r="O37" s="3"/>
    </row>
    <row r="38" spans="1:15" ht="18.95" customHeight="1">
      <c r="B38" s="6"/>
      <c r="C38" s="21" t="s">
        <v>40</v>
      </c>
      <c r="D38" s="7"/>
      <c r="E38" s="8">
        <v>31</v>
      </c>
      <c r="F38" s="9">
        <v>-9</v>
      </c>
      <c r="G38" s="9">
        <v>5</v>
      </c>
      <c r="H38" s="9">
        <v>14</v>
      </c>
      <c r="I38" s="9">
        <v>40</v>
      </c>
      <c r="J38" s="9">
        <v>180</v>
      </c>
      <c r="K38" s="9">
        <v>140</v>
      </c>
      <c r="L38" s="25">
        <v>0.27114493133910611</v>
      </c>
      <c r="M38" s="10">
        <v>91.5</v>
      </c>
      <c r="N38" s="23">
        <v>0.1</v>
      </c>
      <c r="O38" s="3"/>
    </row>
    <row r="39" spans="1:15" ht="18.95" customHeight="1">
      <c r="B39" s="100"/>
      <c r="C39" s="105" t="s">
        <v>41</v>
      </c>
      <c r="D39" s="106"/>
      <c r="E39" s="107">
        <v>1</v>
      </c>
      <c r="F39" s="108">
        <v>-7</v>
      </c>
      <c r="G39" s="108">
        <v>3</v>
      </c>
      <c r="H39" s="108">
        <v>10</v>
      </c>
      <c r="I39" s="108">
        <v>8</v>
      </c>
      <c r="J39" s="108">
        <v>33</v>
      </c>
      <c r="K39" s="108">
        <v>25</v>
      </c>
      <c r="L39" s="109">
        <v>1.4304105278214848E-2</v>
      </c>
      <c r="M39" s="110">
        <v>88.2</v>
      </c>
      <c r="N39" s="111">
        <v>0.1</v>
      </c>
      <c r="O39" s="3"/>
    </row>
    <row r="40" spans="1:15" ht="18.95" customHeight="1">
      <c r="B40" s="6"/>
      <c r="C40" s="21" t="s">
        <v>42</v>
      </c>
      <c r="D40" s="7"/>
      <c r="E40" s="8">
        <v>26</v>
      </c>
      <c r="F40" s="9">
        <v>-20</v>
      </c>
      <c r="G40" s="9">
        <v>9</v>
      </c>
      <c r="H40" s="9">
        <v>29</v>
      </c>
      <c r="I40" s="9">
        <v>46</v>
      </c>
      <c r="J40" s="9">
        <v>115</v>
      </c>
      <c r="K40" s="9">
        <v>69</v>
      </c>
      <c r="L40" s="25">
        <v>0.10715904875736719</v>
      </c>
      <c r="M40" s="10">
        <v>86.7</v>
      </c>
      <c r="N40" s="23">
        <v>0.3</v>
      </c>
      <c r="O40" s="3"/>
    </row>
    <row r="41" spans="1:15" ht="18.95" customHeight="1">
      <c r="B41" s="100"/>
      <c r="C41" s="105" t="s">
        <v>43</v>
      </c>
      <c r="D41" s="106"/>
      <c r="E41" s="107">
        <v>64</v>
      </c>
      <c r="F41" s="108">
        <v>-11</v>
      </c>
      <c r="G41" s="108">
        <v>19</v>
      </c>
      <c r="H41" s="108">
        <v>30</v>
      </c>
      <c r="I41" s="108">
        <v>75</v>
      </c>
      <c r="J41" s="108">
        <v>243</v>
      </c>
      <c r="K41" s="108">
        <v>168</v>
      </c>
      <c r="L41" s="109">
        <v>0.16085251834724038</v>
      </c>
      <c r="M41" s="110">
        <v>109.1</v>
      </c>
      <c r="N41" s="111">
        <v>0.4</v>
      </c>
      <c r="O41" s="3"/>
    </row>
    <row r="42" spans="1:15" ht="18.95" customHeight="1" thickBot="1">
      <c r="A42" s="14"/>
      <c r="B42" s="6"/>
      <c r="C42" s="21" t="s">
        <v>44</v>
      </c>
      <c r="D42" s="7"/>
      <c r="E42" s="11">
        <v>11</v>
      </c>
      <c r="F42" s="12">
        <v>-2</v>
      </c>
      <c r="G42" s="12">
        <v>0</v>
      </c>
      <c r="H42" s="12">
        <v>2</v>
      </c>
      <c r="I42" s="12">
        <v>13</v>
      </c>
      <c r="J42" s="12">
        <v>18</v>
      </c>
      <c r="K42" s="12">
        <v>5</v>
      </c>
      <c r="L42" s="26">
        <v>0.35054174633524537</v>
      </c>
      <c r="M42" s="13">
        <v>104.6</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52</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showGridLines="0" view="pageBreakPreview" zoomScale="75" zoomScaleNormal="70" zoomScaleSheetLayoutView="75" workbookViewId="0"/>
  </sheetViews>
  <sheetFormatPr defaultColWidth="12.125" defaultRowHeight="13.5"/>
  <cols>
    <col min="1" max="1" width="12.1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62</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63</v>
      </c>
      <c r="G3" s="91"/>
      <c r="H3" s="91"/>
      <c r="I3" s="161" t="s">
        <v>64</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2866</v>
      </c>
      <c r="F6" s="18">
        <v>-950</v>
      </c>
      <c r="G6" s="18">
        <v>6216</v>
      </c>
      <c r="H6" s="18">
        <v>7166</v>
      </c>
      <c r="I6" s="18">
        <v>3816</v>
      </c>
      <c r="J6" s="18">
        <v>40571</v>
      </c>
      <c r="K6" s="18">
        <v>36755</v>
      </c>
      <c r="L6" s="27">
        <v>3.122741160931871E-2</v>
      </c>
      <c r="M6" s="19">
        <v>99.5</v>
      </c>
      <c r="N6" s="22">
        <v>100</v>
      </c>
      <c r="O6" s="3"/>
    </row>
    <row r="7" spans="2:15" ht="18.95" customHeight="1">
      <c r="B7" s="100"/>
      <c r="C7" s="105" t="s">
        <v>4</v>
      </c>
      <c r="D7" s="106"/>
      <c r="E7" s="107">
        <v>2983</v>
      </c>
      <c r="F7" s="108">
        <v>-809</v>
      </c>
      <c r="G7" s="108">
        <v>6063</v>
      </c>
      <c r="H7" s="108">
        <v>6872</v>
      </c>
      <c r="I7" s="108">
        <v>3792</v>
      </c>
      <c r="J7" s="108">
        <v>39608</v>
      </c>
      <c r="K7" s="108">
        <v>35816</v>
      </c>
      <c r="L7" s="109">
        <v>3.3563994374120956E-2</v>
      </c>
      <c r="M7" s="110">
        <v>99.6</v>
      </c>
      <c r="N7" s="111">
        <v>96.8</v>
      </c>
      <c r="O7" s="3"/>
    </row>
    <row r="8" spans="2:15" ht="18.95" customHeight="1">
      <c r="B8" s="100"/>
      <c r="C8" s="105" t="s">
        <v>5</v>
      </c>
      <c r="D8" s="106"/>
      <c r="E8" s="107">
        <v>-117</v>
      </c>
      <c r="F8" s="108">
        <v>-141</v>
      </c>
      <c r="G8" s="108">
        <v>153</v>
      </c>
      <c r="H8" s="108">
        <v>294</v>
      </c>
      <c r="I8" s="108">
        <v>24</v>
      </c>
      <c r="J8" s="108">
        <v>963</v>
      </c>
      <c r="K8" s="108">
        <v>939</v>
      </c>
      <c r="L8" s="109">
        <v>-4.0298414929012788E-2</v>
      </c>
      <c r="M8" s="110">
        <v>96.9</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1467</v>
      </c>
      <c r="F10" s="9">
        <v>-249</v>
      </c>
      <c r="G10" s="9">
        <v>2601</v>
      </c>
      <c r="H10" s="9">
        <v>2850</v>
      </c>
      <c r="I10" s="9">
        <v>1716</v>
      </c>
      <c r="J10" s="9">
        <v>18176</v>
      </c>
      <c r="K10" s="9">
        <v>16460</v>
      </c>
      <c r="L10" s="25">
        <v>3.9234774794532273E-2</v>
      </c>
      <c r="M10" s="10">
        <v>98.8</v>
      </c>
      <c r="N10" s="23">
        <v>40.700000000000003</v>
      </c>
      <c r="O10" s="3"/>
    </row>
    <row r="11" spans="2:15" ht="18.95" customHeight="1">
      <c r="B11" s="100"/>
      <c r="C11" s="105" t="s">
        <v>7</v>
      </c>
      <c r="D11" s="106"/>
      <c r="E11" s="107">
        <v>1385</v>
      </c>
      <c r="F11" s="108">
        <v>236</v>
      </c>
      <c r="G11" s="108">
        <v>1220</v>
      </c>
      <c r="H11" s="108">
        <v>984</v>
      </c>
      <c r="I11" s="108">
        <v>1149</v>
      </c>
      <c r="J11" s="108">
        <v>8875</v>
      </c>
      <c r="K11" s="108">
        <v>7726</v>
      </c>
      <c r="L11" s="109">
        <v>9.1494209440484836E-2</v>
      </c>
      <c r="M11" s="110">
        <v>102.7</v>
      </c>
      <c r="N11" s="111">
        <v>16.5</v>
      </c>
      <c r="O11" s="3"/>
    </row>
    <row r="12" spans="2:15" ht="18.95" customHeight="1">
      <c r="B12" s="6"/>
      <c r="C12" s="21" t="s">
        <v>15</v>
      </c>
      <c r="D12" s="7"/>
      <c r="E12" s="8">
        <v>215</v>
      </c>
      <c r="F12" s="9">
        <v>-81</v>
      </c>
      <c r="G12" s="9">
        <v>473</v>
      </c>
      <c r="H12" s="9">
        <v>554</v>
      </c>
      <c r="I12" s="9">
        <v>296</v>
      </c>
      <c r="J12" s="9">
        <v>2832</v>
      </c>
      <c r="K12" s="9">
        <v>2536</v>
      </c>
      <c r="L12" s="25">
        <v>2.9725200887055298E-2</v>
      </c>
      <c r="M12" s="10">
        <v>100.2</v>
      </c>
      <c r="N12" s="23">
        <v>7.9</v>
      </c>
      <c r="O12" s="3"/>
    </row>
    <row r="13" spans="2:15" ht="18.95" customHeight="1">
      <c r="B13" s="100"/>
      <c r="C13" s="105" t="s">
        <v>8</v>
      </c>
      <c r="D13" s="106"/>
      <c r="E13" s="107">
        <v>-295</v>
      </c>
      <c r="F13" s="108">
        <v>-223</v>
      </c>
      <c r="G13" s="108">
        <v>200</v>
      </c>
      <c r="H13" s="108">
        <v>423</v>
      </c>
      <c r="I13" s="108">
        <v>-72</v>
      </c>
      <c r="J13" s="108">
        <v>925</v>
      </c>
      <c r="K13" s="108">
        <v>997</v>
      </c>
      <c r="L13" s="109">
        <v>-7.3712222485975934E-2</v>
      </c>
      <c r="M13" s="110">
        <v>100.1</v>
      </c>
      <c r="N13" s="111">
        <v>4.4000000000000004</v>
      </c>
      <c r="O13" s="3"/>
    </row>
    <row r="14" spans="2:15" ht="18.95" customHeight="1">
      <c r="B14" s="6"/>
      <c r="C14" s="21" t="s">
        <v>9</v>
      </c>
      <c r="D14" s="7"/>
      <c r="E14" s="8">
        <v>-58</v>
      </c>
      <c r="F14" s="9">
        <v>-111</v>
      </c>
      <c r="G14" s="9">
        <v>142</v>
      </c>
      <c r="H14" s="9">
        <v>253</v>
      </c>
      <c r="I14" s="9">
        <v>53</v>
      </c>
      <c r="J14" s="9">
        <v>731</v>
      </c>
      <c r="K14" s="9">
        <v>678</v>
      </c>
      <c r="L14" s="25">
        <v>-2.2474870769493074E-2</v>
      </c>
      <c r="M14" s="10">
        <v>100.5</v>
      </c>
      <c r="N14" s="23">
        <v>2.8</v>
      </c>
      <c r="O14" s="3"/>
    </row>
    <row r="15" spans="2:15" ht="18.95" customHeight="1">
      <c r="B15" s="100"/>
      <c r="C15" s="105" t="s">
        <v>10</v>
      </c>
      <c r="D15" s="106"/>
      <c r="E15" s="107">
        <v>-10</v>
      </c>
      <c r="F15" s="108">
        <v>-58</v>
      </c>
      <c r="G15" s="108">
        <v>90</v>
      </c>
      <c r="H15" s="108">
        <v>148</v>
      </c>
      <c r="I15" s="108">
        <v>48</v>
      </c>
      <c r="J15" s="108">
        <v>593</v>
      </c>
      <c r="K15" s="108">
        <v>545</v>
      </c>
      <c r="L15" s="109">
        <v>-5.8037968438952765E-3</v>
      </c>
      <c r="M15" s="110">
        <v>88.9</v>
      </c>
      <c r="N15" s="111">
        <v>1.9</v>
      </c>
      <c r="O15" s="3"/>
    </row>
    <row r="16" spans="2:15" ht="18.95" customHeight="1">
      <c r="B16" s="6"/>
      <c r="C16" s="21" t="s">
        <v>11</v>
      </c>
      <c r="D16" s="7"/>
      <c r="E16" s="8">
        <v>273</v>
      </c>
      <c r="F16" s="9">
        <v>-22</v>
      </c>
      <c r="G16" s="9">
        <v>298</v>
      </c>
      <c r="H16" s="9">
        <v>320</v>
      </c>
      <c r="I16" s="9">
        <v>295</v>
      </c>
      <c r="J16" s="9">
        <v>1649</v>
      </c>
      <c r="K16" s="9">
        <v>1354</v>
      </c>
      <c r="L16" s="25">
        <v>6.3477152875305767E-2</v>
      </c>
      <c r="M16" s="10">
        <v>97.7</v>
      </c>
      <c r="N16" s="23">
        <v>4.7</v>
      </c>
      <c r="O16" s="3"/>
    </row>
    <row r="17" spans="2:15" ht="18.95" customHeight="1">
      <c r="B17" s="100"/>
      <c r="C17" s="105" t="s">
        <v>12</v>
      </c>
      <c r="D17" s="106"/>
      <c r="E17" s="107">
        <v>23</v>
      </c>
      <c r="F17" s="108">
        <v>-76</v>
      </c>
      <c r="G17" s="108">
        <v>112</v>
      </c>
      <c r="H17" s="108">
        <v>188</v>
      </c>
      <c r="I17" s="108">
        <v>99</v>
      </c>
      <c r="J17" s="108">
        <v>564</v>
      </c>
      <c r="K17" s="108">
        <v>465</v>
      </c>
      <c r="L17" s="109">
        <v>1.2018853923894526E-2</v>
      </c>
      <c r="M17" s="110">
        <v>94.8</v>
      </c>
      <c r="N17" s="111">
        <v>2.1</v>
      </c>
      <c r="O17" s="3"/>
    </row>
    <row r="18" spans="2:15" ht="18.95" customHeight="1">
      <c r="B18" s="6"/>
      <c r="C18" s="21" t="s">
        <v>13</v>
      </c>
      <c r="D18" s="7"/>
      <c r="E18" s="8">
        <v>29</v>
      </c>
      <c r="F18" s="9">
        <v>-19</v>
      </c>
      <c r="G18" s="9">
        <v>179</v>
      </c>
      <c r="H18" s="9">
        <v>198</v>
      </c>
      <c r="I18" s="9">
        <v>48</v>
      </c>
      <c r="J18" s="9">
        <v>716</v>
      </c>
      <c r="K18" s="9">
        <v>668</v>
      </c>
      <c r="L18" s="25">
        <v>1.199462309998966E-2</v>
      </c>
      <c r="M18" s="10">
        <v>94.9</v>
      </c>
      <c r="N18" s="23">
        <v>2.6</v>
      </c>
      <c r="O18" s="3"/>
    </row>
    <row r="19" spans="2:15" ht="18.95" customHeight="1">
      <c r="B19" s="100"/>
      <c r="C19" s="105" t="s">
        <v>14</v>
      </c>
      <c r="D19" s="106"/>
      <c r="E19" s="107">
        <v>-25</v>
      </c>
      <c r="F19" s="108">
        <v>-31</v>
      </c>
      <c r="G19" s="108">
        <v>33</v>
      </c>
      <c r="H19" s="108">
        <v>64</v>
      </c>
      <c r="I19" s="108">
        <v>6</v>
      </c>
      <c r="J19" s="108">
        <v>191</v>
      </c>
      <c r="K19" s="108">
        <v>185</v>
      </c>
      <c r="L19" s="109">
        <v>-4.36917807022143E-2</v>
      </c>
      <c r="M19" s="110">
        <v>87.7</v>
      </c>
      <c r="N19" s="111">
        <v>0.6</v>
      </c>
      <c r="O19" s="3"/>
    </row>
    <row r="20" spans="2:15" ht="18.95" customHeight="1">
      <c r="B20" s="6"/>
      <c r="C20" s="21" t="s">
        <v>16</v>
      </c>
      <c r="D20" s="7"/>
      <c r="E20" s="8">
        <v>-68</v>
      </c>
      <c r="F20" s="9">
        <v>-48</v>
      </c>
      <c r="G20" s="9">
        <v>15</v>
      </c>
      <c r="H20" s="9">
        <v>63</v>
      </c>
      <c r="I20" s="9">
        <v>-20</v>
      </c>
      <c r="J20" s="9">
        <v>92</v>
      </c>
      <c r="K20" s="9">
        <v>112</v>
      </c>
      <c r="L20" s="25">
        <v>-0.15648731992451786</v>
      </c>
      <c r="M20" s="10">
        <v>92.2</v>
      </c>
      <c r="N20" s="23">
        <v>0.5</v>
      </c>
      <c r="O20" s="3"/>
    </row>
    <row r="21" spans="2:15" ht="18.95" customHeight="1">
      <c r="B21" s="100"/>
      <c r="C21" s="105" t="s">
        <v>17</v>
      </c>
      <c r="D21" s="106"/>
      <c r="E21" s="107">
        <v>-77</v>
      </c>
      <c r="F21" s="108">
        <v>-56</v>
      </c>
      <c r="G21" s="108">
        <v>84</v>
      </c>
      <c r="H21" s="108">
        <v>140</v>
      </c>
      <c r="I21" s="108">
        <v>-21</v>
      </c>
      <c r="J21" s="108">
        <v>416</v>
      </c>
      <c r="K21" s="108">
        <v>437</v>
      </c>
      <c r="L21" s="109">
        <v>-4.6470925495639581E-2</v>
      </c>
      <c r="M21" s="110">
        <v>104.9</v>
      </c>
      <c r="N21" s="111">
        <v>1.8</v>
      </c>
      <c r="O21" s="3"/>
    </row>
    <row r="22" spans="2:15" ht="18.95" customHeight="1">
      <c r="B22" s="6"/>
      <c r="C22" s="21" t="s">
        <v>18</v>
      </c>
      <c r="D22" s="7"/>
      <c r="E22" s="8">
        <v>-26</v>
      </c>
      <c r="F22" s="9">
        <v>-24</v>
      </c>
      <c r="G22" s="9">
        <v>138</v>
      </c>
      <c r="H22" s="9">
        <v>162</v>
      </c>
      <c r="I22" s="9">
        <v>-2</v>
      </c>
      <c r="J22" s="9">
        <v>895</v>
      </c>
      <c r="K22" s="9">
        <v>897</v>
      </c>
      <c r="L22" s="25">
        <v>-1.1537915364953138E-2</v>
      </c>
      <c r="M22" s="10">
        <v>107.1</v>
      </c>
      <c r="N22" s="23">
        <v>2.5</v>
      </c>
      <c r="O22" s="3"/>
    </row>
    <row r="23" spans="2:15" ht="18.95" customHeight="1">
      <c r="B23" s="100"/>
      <c r="C23" s="105" t="s">
        <v>19</v>
      </c>
      <c r="D23" s="106"/>
      <c r="E23" s="107">
        <v>111</v>
      </c>
      <c r="F23" s="108">
        <v>17</v>
      </c>
      <c r="G23" s="108">
        <v>179</v>
      </c>
      <c r="H23" s="108">
        <v>162</v>
      </c>
      <c r="I23" s="108">
        <v>94</v>
      </c>
      <c r="J23" s="108">
        <v>1011</v>
      </c>
      <c r="K23" s="108">
        <v>917</v>
      </c>
      <c r="L23" s="109">
        <v>4.7147171382091721E-2</v>
      </c>
      <c r="M23" s="110">
        <v>100</v>
      </c>
      <c r="N23" s="111">
        <v>2.6</v>
      </c>
      <c r="O23" s="3"/>
    </row>
    <row r="24" spans="2:15" ht="18.95" customHeight="1">
      <c r="B24" s="6"/>
      <c r="C24" s="21" t="s">
        <v>20</v>
      </c>
      <c r="D24" s="7"/>
      <c r="E24" s="8">
        <v>-34</v>
      </c>
      <c r="F24" s="9">
        <v>-25</v>
      </c>
      <c r="G24" s="9">
        <v>58</v>
      </c>
      <c r="H24" s="9">
        <v>83</v>
      </c>
      <c r="I24" s="9">
        <v>-9</v>
      </c>
      <c r="J24" s="9">
        <v>388</v>
      </c>
      <c r="K24" s="9">
        <v>397</v>
      </c>
      <c r="L24" s="25">
        <v>-3.3160379198689187E-2</v>
      </c>
      <c r="M24" s="10">
        <v>102.8</v>
      </c>
      <c r="N24" s="23">
        <v>1.1000000000000001</v>
      </c>
      <c r="O24" s="3"/>
    </row>
    <row r="25" spans="2:15" ht="18.95" customHeight="1">
      <c r="B25" s="100"/>
      <c r="C25" s="105" t="s">
        <v>21</v>
      </c>
      <c r="D25" s="106"/>
      <c r="E25" s="107">
        <v>70</v>
      </c>
      <c r="F25" s="108">
        <v>-2</v>
      </c>
      <c r="G25" s="108">
        <v>85</v>
      </c>
      <c r="H25" s="108">
        <v>87</v>
      </c>
      <c r="I25" s="108">
        <v>72</v>
      </c>
      <c r="J25" s="108">
        <v>532</v>
      </c>
      <c r="K25" s="108">
        <v>460</v>
      </c>
      <c r="L25" s="109">
        <v>5.3005406551468251E-2</v>
      </c>
      <c r="M25" s="110">
        <v>101.4</v>
      </c>
      <c r="N25" s="111">
        <v>1.4</v>
      </c>
      <c r="O25" s="3"/>
    </row>
    <row r="26" spans="2:15" ht="18.95" customHeight="1">
      <c r="B26" s="6"/>
      <c r="C26" s="21" t="s">
        <v>22</v>
      </c>
      <c r="D26" s="7"/>
      <c r="E26" s="8">
        <v>65</v>
      </c>
      <c r="F26" s="9">
        <v>-4</v>
      </c>
      <c r="G26" s="9">
        <v>84</v>
      </c>
      <c r="H26" s="9">
        <v>88</v>
      </c>
      <c r="I26" s="9">
        <v>69</v>
      </c>
      <c r="J26" s="9">
        <v>566</v>
      </c>
      <c r="K26" s="9">
        <v>497</v>
      </c>
      <c r="L26" s="25">
        <v>5.022019624507456E-2</v>
      </c>
      <c r="M26" s="10">
        <v>99.5</v>
      </c>
      <c r="N26" s="23">
        <v>1.4</v>
      </c>
      <c r="O26" s="3"/>
    </row>
    <row r="27" spans="2:15" ht="18.95" customHeight="1">
      <c r="B27" s="100"/>
      <c r="C27" s="105" t="s">
        <v>23</v>
      </c>
      <c r="D27" s="106"/>
      <c r="E27" s="107">
        <v>-39</v>
      </c>
      <c r="F27" s="108">
        <v>-25</v>
      </c>
      <c r="G27" s="108">
        <v>19</v>
      </c>
      <c r="H27" s="108">
        <v>44</v>
      </c>
      <c r="I27" s="108">
        <v>-14</v>
      </c>
      <c r="J27" s="108">
        <v>118</v>
      </c>
      <c r="K27" s="108">
        <v>132</v>
      </c>
      <c r="L27" s="109">
        <v>-9.1933430767054833E-2</v>
      </c>
      <c r="M27" s="110">
        <v>96.9</v>
      </c>
      <c r="N27" s="111">
        <v>0.5</v>
      </c>
      <c r="O27" s="3"/>
    </row>
    <row r="28" spans="2:15" ht="18.95" customHeight="1">
      <c r="B28" s="6"/>
      <c r="C28" s="21" t="s">
        <v>24</v>
      </c>
      <c r="D28" s="7"/>
      <c r="E28" s="8">
        <v>-23</v>
      </c>
      <c r="F28" s="9">
        <v>-8</v>
      </c>
      <c r="G28" s="9">
        <v>53</v>
      </c>
      <c r="H28" s="9">
        <v>61</v>
      </c>
      <c r="I28" s="9">
        <v>-15</v>
      </c>
      <c r="J28" s="9">
        <v>338</v>
      </c>
      <c r="K28" s="9">
        <v>353</v>
      </c>
      <c r="L28" s="25">
        <v>-2.7367594388453258E-2</v>
      </c>
      <c r="M28" s="10">
        <v>103.5</v>
      </c>
      <c r="N28" s="23">
        <v>0.9</v>
      </c>
      <c r="O28" s="3"/>
    </row>
    <row r="29" spans="2:15" ht="18.95" customHeight="1">
      <c r="B29" s="100"/>
      <c r="C29" s="105" t="s">
        <v>31</v>
      </c>
      <c r="D29" s="106"/>
      <c r="E29" s="107">
        <v>-19</v>
      </c>
      <c r="F29" s="108">
        <v>-26</v>
      </c>
      <c r="G29" s="108">
        <v>10</v>
      </c>
      <c r="H29" s="108">
        <v>36</v>
      </c>
      <c r="I29" s="108">
        <v>7</v>
      </c>
      <c r="J29" s="108">
        <v>106</v>
      </c>
      <c r="K29" s="108">
        <v>99</v>
      </c>
      <c r="L29" s="109">
        <v>-5.9523809523809527E-2</v>
      </c>
      <c r="M29" s="110">
        <v>89.6</v>
      </c>
      <c r="N29" s="111">
        <v>0.3</v>
      </c>
      <c r="O29" s="3"/>
    </row>
    <row r="30" spans="2:15" ht="18.95" customHeight="1">
      <c r="B30" s="6"/>
      <c r="C30" s="21" t="s">
        <v>32</v>
      </c>
      <c r="D30" s="7"/>
      <c r="E30" s="8">
        <v>30</v>
      </c>
      <c r="F30" s="9">
        <v>-5</v>
      </c>
      <c r="G30" s="9">
        <v>32</v>
      </c>
      <c r="H30" s="9">
        <v>37</v>
      </c>
      <c r="I30" s="9">
        <v>35</v>
      </c>
      <c r="J30" s="9">
        <v>164</v>
      </c>
      <c r="K30" s="9">
        <v>129</v>
      </c>
      <c r="L30" s="25">
        <v>6.227425582264292E-2</v>
      </c>
      <c r="M30" s="10">
        <v>102.8</v>
      </c>
      <c r="N30" s="23">
        <v>0.5</v>
      </c>
      <c r="O30" s="3"/>
    </row>
    <row r="31" spans="2:15" ht="18.95" customHeight="1">
      <c r="B31" s="100"/>
      <c r="C31" s="105" t="s">
        <v>33</v>
      </c>
      <c r="D31" s="106"/>
      <c r="E31" s="107">
        <v>-24</v>
      </c>
      <c r="F31" s="108">
        <v>-10</v>
      </c>
      <c r="G31" s="108">
        <v>24</v>
      </c>
      <c r="H31" s="108">
        <v>34</v>
      </c>
      <c r="I31" s="108">
        <v>-14</v>
      </c>
      <c r="J31" s="108">
        <v>64</v>
      </c>
      <c r="K31" s="108">
        <v>78</v>
      </c>
      <c r="L31" s="109">
        <v>-7.6156628799898457E-2</v>
      </c>
      <c r="M31" s="110">
        <v>95.5</v>
      </c>
      <c r="N31" s="111">
        <v>0.3</v>
      </c>
      <c r="O31" s="3"/>
    </row>
    <row r="32" spans="2:15" ht="18.95" customHeight="1">
      <c r="B32" s="6"/>
      <c r="C32" s="21" t="s">
        <v>34</v>
      </c>
      <c r="D32" s="7"/>
      <c r="E32" s="8">
        <v>-12</v>
      </c>
      <c r="F32" s="9">
        <v>-6</v>
      </c>
      <c r="G32" s="9">
        <v>16</v>
      </c>
      <c r="H32" s="9">
        <v>22</v>
      </c>
      <c r="I32" s="9">
        <v>-6</v>
      </c>
      <c r="J32" s="9">
        <v>74</v>
      </c>
      <c r="K32" s="9">
        <v>80</v>
      </c>
      <c r="L32" s="25">
        <v>-4.2943028914972807E-2</v>
      </c>
      <c r="M32" s="10">
        <v>92.8</v>
      </c>
      <c r="N32" s="23">
        <v>0.3</v>
      </c>
      <c r="O32" s="3"/>
    </row>
    <row r="33" spans="1:15" ht="18.95" customHeight="1">
      <c r="B33" s="100"/>
      <c r="C33" s="105" t="s">
        <v>35</v>
      </c>
      <c r="D33" s="106"/>
      <c r="E33" s="107">
        <v>-16</v>
      </c>
      <c r="F33" s="108">
        <v>-7</v>
      </c>
      <c r="G33" s="108">
        <v>5</v>
      </c>
      <c r="H33" s="108">
        <v>12</v>
      </c>
      <c r="I33" s="108">
        <v>-9</v>
      </c>
      <c r="J33" s="108">
        <v>25</v>
      </c>
      <c r="K33" s="108">
        <v>34</v>
      </c>
      <c r="L33" s="109">
        <v>-0.16875856977112119</v>
      </c>
      <c r="M33" s="110">
        <v>100.9</v>
      </c>
      <c r="N33" s="111">
        <v>0.1</v>
      </c>
      <c r="O33" s="3"/>
    </row>
    <row r="34" spans="1:15" ht="18.95" customHeight="1">
      <c r="B34" s="6"/>
      <c r="C34" s="21" t="s">
        <v>36</v>
      </c>
      <c r="D34" s="7"/>
      <c r="E34" s="8">
        <v>0</v>
      </c>
      <c r="F34" s="9">
        <v>-2</v>
      </c>
      <c r="G34" s="9">
        <v>9</v>
      </c>
      <c r="H34" s="9">
        <v>11</v>
      </c>
      <c r="I34" s="9">
        <v>2</v>
      </c>
      <c r="J34" s="9">
        <v>50</v>
      </c>
      <c r="K34" s="9">
        <v>48</v>
      </c>
      <c r="L34" s="25">
        <v>0</v>
      </c>
      <c r="M34" s="10">
        <v>98.9</v>
      </c>
      <c r="N34" s="23">
        <v>0.2</v>
      </c>
      <c r="O34" s="3"/>
    </row>
    <row r="35" spans="1:15" ht="18.95" customHeight="1">
      <c r="B35" s="100"/>
      <c r="C35" s="105" t="s">
        <v>37</v>
      </c>
      <c r="D35" s="106"/>
      <c r="E35" s="107">
        <v>-5</v>
      </c>
      <c r="F35" s="108">
        <v>2</v>
      </c>
      <c r="G35" s="108">
        <v>12</v>
      </c>
      <c r="H35" s="108">
        <v>10</v>
      </c>
      <c r="I35" s="108">
        <v>-7</v>
      </c>
      <c r="J35" s="108">
        <v>34</v>
      </c>
      <c r="K35" s="108">
        <v>41</v>
      </c>
      <c r="L35" s="109">
        <v>-4.561211457763182E-2</v>
      </c>
      <c r="M35" s="110">
        <v>98</v>
      </c>
      <c r="N35" s="111">
        <v>0.1</v>
      </c>
      <c r="O35" s="3"/>
    </row>
    <row r="36" spans="1:15" ht="18.95" customHeight="1">
      <c r="B36" s="6"/>
      <c r="C36" s="21" t="s">
        <v>38</v>
      </c>
      <c r="D36" s="7"/>
      <c r="E36" s="8">
        <v>-32</v>
      </c>
      <c r="F36" s="9">
        <v>-15</v>
      </c>
      <c r="G36" s="9">
        <v>2</v>
      </c>
      <c r="H36" s="9">
        <v>17</v>
      </c>
      <c r="I36" s="9">
        <v>-17</v>
      </c>
      <c r="J36" s="9">
        <v>12</v>
      </c>
      <c r="K36" s="9">
        <v>29</v>
      </c>
      <c r="L36" s="25">
        <v>-0.32009602880864257</v>
      </c>
      <c r="M36" s="10">
        <v>96.2</v>
      </c>
      <c r="N36" s="23">
        <v>0.1</v>
      </c>
      <c r="O36" s="3"/>
    </row>
    <row r="37" spans="1:15" ht="18.95" customHeight="1">
      <c r="B37" s="100"/>
      <c r="C37" s="105" t="s">
        <v>39</v>
      </c>
      <c r="D37" s="106"/>
      <c r="E37" s="107">
        <v>27</v>
      </c>
      <c r="F37" s="108">
        <v>-3</v>
      </c>
      <c r="G37" s="108">
        <v>14</v>
      </c>
      <c r="H37" s="108">
        <v>17</v>
      </c>
      <c r="I37" s="108">
        <v>30</v>
      </c>
      <c r="J37" s="108">
        <v>61</v>
      </c>
      <c r="K37" s="108">
        <v>31</v>
      </c>
      <c r="L37" s="109">
        <v>0.15314804310833804</v>
      </c>
      <c r="M37" s="110">
        <v>95</v>
      </c>
      <c r="N37" s="111">
        <v>0.2</v>
      </c>
      <c r="O37" s="3"/>
    </row>
    <row r="38" spans="1:15" ht="18.95" customHeight="1">
      <c r="B38" s="6"/>
      <c r="C38" s="21" t="s">
        <v>40</v>
      </c>
      <c r="D38" s="7"/>
      <c r="E38" s="8">
        <v>-12</v>
      </c>
      <c r="F38" s="9">
        <v>-15</v>
      </c>
      <c r="G38" s="9">
        <v>1</v>
      </c>
      <c r="H38" s="9">
        <v>16</v>
      </c>
      <c r="I38" s="9">
        <v>3</v>
      </c>
      <c r="J38" s="9">
        <v>114</v>
      </c>
      <c r="K38" s="9">
        <v>111</v>
      </c>
      <c r="L38" s="25">
        <v>-0.10467550593161201</v>
      </c>
      <c r="M38" s="10">
        <v>91.3</v>
      </c>
      <c r="N38" s="23">
        <v>0.1</v>
      </c>
      <c r="O38" s="3"/>
    </row>
    <row r="39" spans="1:15" ht="18.95" customHeight="1">
      <c r="B39" s="100"/>
      <c r="C39" s="105" t="s">
        <v>41</v>
      </c>
      <c r="D39" s="106"/>
      <c r="E39" s="107">
        <v>-7</v>
      </c>
      <c r="F39" s="108">
        <v>-8</v>
      </c>
      <c r="G39" s="108">
        <v>3</v>
      </c>
      <c r="H39" s="108">
        <v>11</v>
      </c>
      <c r="I39" s="108">
        <v>1</v>
      </c>
      <c r="J39" s="108">
        <v>14</v>
      </c>
      <c r="K39" s="108">
        <v>13</v>
      </c>
      <c r="L39" s="109">
        <v>-0.10011441647597254</v>
      </c>
      <c r="M39" s="110">
        <v>88</v>
      </c>
      <c r="N39" s="111">
        <v>0.1</v>
      </c>
      <c r="O39" s="3"/>
    </row>
    <row r="40" spans="1:15" ht="18.95" customHeight="1">
      <c r="B40" s="6"/>
      <c r="C40" s="21" t="s">
        <v>42</v>
      </c>
      <c r="D40" s="7"/>
      <c r="E40" s="8">
        <v>-9</v>
      </c>
      <c r="F40" s="9">
        <v>-18</v>
      </c>
      <c r="G40" s="9">
        <v>9</v>
      </c>
      <c r="H40" s="9">
        <v>27</v>
      </c>
      <c r="I40" s="9">
        <v>9</v>
      </c>
      <c r="J40" s="9">
        <v>95</v>
      </c>
      <c r="K40" s="9">
        <v>86</v>
      </c>
      <c r="L40" s="25">
        <v>-3.7053810366832723E-2</v>
      </c>
      <c r="M40" s="10">
        <v>86.7</v>
      </c>
      <c r="N40" s="23">
        <v>0.3</v>
      </c>
      <c r="O40" s="3"/>
    </row>
    <row r="41" spans="1:15" ht="18.95" customHeight="1">
      <c r="B41" s="100"/>
      <c r="C41" s="105" t="s">
        <v>43</v>
      </c>
      <c r="D41" s="106"/>
      <c r="E41" s="107">
        <v>-43</v>
      </c>
      <c r="F41" s="108">
        <v>-27</v>
      </c>
      <c r="G41" s="108">
        <v>14</v>
      </c>
      <c r="H41" s="108">
        <v>41</v>
      </c>
      <c r="I41" s="108">
        <v>-16</v>
      </c>
      <c r="J41" s="108">
        <v>142</v>
      </c>
      <c r="K41" s="108">
        <v>158</v>
      </c>
      <c r="L41" s="109">
        <v>-0.10789922714041955</v>
      </c>
      <c r="M41" s="110">
        <v>109.1</v>
      </c>
      <c r="N41" s="111">
        <v>0.4</v>
      </c>
      <c r="O41" s="3"/>
    </row>
    <row r="42" spans="1:15" ht="18.95" customHeight="1" thickBot="1">
      <c r="A42" s="14"/>
      <c r="B42" s="6"/>
      <c r="C42" s="21" t="s">
        <v>44</v>
      </c>
      <c r="D42" s="7"/>
      <c r="E42" s="11">
        <v>5</v>
      </c>
      <c r="F42" s="12">
        <v>-1</v>
      </c>
      <c r="G42" s="12">
        <v>2</v>
      </c>
      <c r="H42" s="12">
        <v>3</v>
      </c>
      <c r="I42" s="12">
        <v>6</v>
      </c>
      <c r="J42" s="12">
        <v>8</v>
      </c>
      <c r="K42" s="12">
        <v>2</v>
      </c>
      <c r="L42" s="26">
        <v>0.15878056525881232</v>
      </c>
      <c r="M42" s="13">
        <v>104.3</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65</v>
      </c>
      <c r="C44" s="126"/>
      <c r="D44" s="106"/>
      <c r="E44" s="127"/>
      <c r="F44" s="127"/>
      <c r="G44" s="127"/>
      <c r="H44" s="127"/>
      <c r="I44" s="127"/>
      <c r="J44" s="127"/>
      <c r="K44" s="127"/>
      <c r="L44" s="128"/>
      <c r="M44" s="129"/>
      <c r="N44" s="130"/>
    </row>
    <row r="45" spans="1:15" ht="19.5" customHeight="1">
      <c r="B45" s="125" t="s">
        <v>52</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55"/>
  <sheetViews>
    <sheetView showGridLines="0" view="pageBreakPreview" zoomScale="75" zoomScaleNormal="70" zoomScaleSheetLayoutView="75" workbookViewId="0"/>
  </sheetViews>
  <sheetFormatPr defaultColWidth="12.125" defaultRowHeight="13.5"/>
  <cols>
    <col min="1" max="1" width="12.125" style="1" customWidth="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66</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64" t="s">
        <v>25</v>
      </c>
      <c r="D3" s="131"/>
      <c r="E3" s="166" t="s">
        <v>47</v>
      </c>
      <c r="F3" s="168" t="s">
        <v>48</v>
      </c>
      <c r="G3" s="132"/>
      <c r="H3" s="132"/>
      <c r="I3" s="168" t="s">
        <v>67</v>
      </c>
      <c r="J3" s="132"/>
      <c r="K3" s="132"/>
      <c r="L3" s="133" t="s">
        <v>50</v>
      </c>
      <c r="M3" s="134" t="s">
        <v>45</v>
      </c>
      <c r="N3" s="135" t="s">
        <v>0</v>
      </c>
      <c r="O3" s="2"/>
    </row>
    <row r="4" spans="2:15" ht="18" customHeight="1" thickBot="1">
      <c r="B4" s="95"/>
      <c r="C4" s="165"/>
      <c r="D4" s="136"/>
      <c r="E4" s="167"/>
      <c r="F4" s="169"/>
      <c r="G4" s="137" t="s">
        <v>26</v>
      </c>
      <c r="H4" s="137" t="s">
        <v>27</v>
      </c>
      <c r="I4" s="169"/>
      <c r="J4" s="137" t="s">
        <v>28</v>
      </c>
      <c r="K4" s="137" t="s">
        <v>29</v>
      </c>
      <c r="L4" s="137" t="s">
        <v>51</v>
      </c>
      <c r="M4" s="138" t="s">
        <v>46</v>
      </c>
      <c r="N4" s="13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689</v>
      </c>
      <c r="F6" s="18">
        <v>-195</v>
      </c>
      <c r="G6" s="18">
        <v>5550</v>
      </c>
      <c r="H6" s="18">
        <v>5745</v>
      </c>
      <c r="I6" s="18">
        <v>884</v>
      </c>
      <c r="J6" s="18">
        <v>35349</v>
      </c>
      <c r="K6" s="18">
        <v>34465</v>
      </c>
      <c r="L6" s="140">
        <v>7.5048743559859264E-3</v>
      </c>
      <c r="M6" s="19">
        <v>99.5</v>
      </c>
      <c r="N6" s="22">
        <v>100</v>
      </c>
      <c r="O6" s="3"/>
    </row>
    <row r="7" spans="2:15" ht="18.95" customHeight="1">
      <c r="B7" s="100"/>
      <c r="C7" s="105" t="s">
        <v>4</v>
      </c>
      <c r="D7" s="106"/>
      <c r="E7" s="107">
        <v>768</v>
      </c>
      <c r="F7" s="108">
        <v>-101</v>
      </c>
      <c r="G7" s="108">
        <v>5420</v>
      </c>
      <c r="H7" s="108">
        <v>5521</v>
      </c>
      <c r="I7" s="108">
        <v>869</v>
      </c>
      <c r="J7" s="108">
        <v>34283</v>
      </c>
      <c r="K7" s="108">
        <v>33414</v>
      </c>
      <c r="L7" s="109">
        <v>8.6384508018293258E-3</v>
      </c>
      <c r="M7" s="110">
        <v>99.6</v>
      </c>
      <c r="N7" s="111">
        <v>96.8</v>
      </c>
      <c r="O7" s="3"/>
    </row>
    <row r="8" spans="2:15" ht="18.95" customHeight="1">
      <c r="B8" s="100"/>
      <c r="C8" s="105" t="s">
        <v>5</v>
      </c>
      <c r="D8" s="106"/>
      <c r="E8" s="107">
        <v>-79</v>
      </c>
      <c r="F8" s="108">
        <v>-94</v>
      </c>
      <c r="G8" s="108">
        <v>130</v>
      </c>
      <c r="H8" s="108">
        <v>224</v>
      </c>
      <c r="I8" s="108">
        <v>15</v>
      </c>
      <c r="J8" s="108">
        <v>1066</v>
      </c>
      <c r="K8" s="108">
        <v>1051</v>
      </c>
      <c r="L8" s="109">
        <v>-2.7221010485257584E-2</v>
      </c>
      <c r="M8" s="110">
        <v>96.9</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336</v>
      </c>
      <c r="F10" s="9">
        <v>-36</v>
      </c>
      <c r="G10" s="9">
        <v>2353</v>
      </c>
      <c r="H10" s="9">
        <v>2389</v>
      </c>
      <c r="I10" s="9">
        <v>372</v>
      </c>
      <c r="J10" s="9">
        <v>15741</v>
      </c>
      <c r="K10" s="9">
        <v>15369</v>
      </c>
      <c r="L10" s="25">
        <v>8.9827635204626551E-3</v>
      </c>
      <c r="M10" s="10">
        <v>98.8</v>
      </c>
      <c r="N10" s="23">
        <v>40.700000000000003</v>
      </c>
      <c r="O10" s="3"/>
    </row>
    <row r="11" spans="2:15" ht="18.95" customHeight="1">
      <c r="B11" s="100"/>
      <c r="C11" s="105" t="s">
        <v>7</v>
      </c>
      <c r="D11" s="106"/>
      <c r="E11" s="107">
        <v>465</v>
      </c>
      <c r="F11" s="108">
        <v>347</v>
      </c>
      <c r="G11" s="108">
        <v>1123</v>
      </c>
      <c r="H11" s="108">
        <v>776</v>
      </c>
      <c r="I11" s="108">
        <v>118</v>
      </c>
      <c r="J11" s="108">
        <v>7440</v>
      </c>
      <c r="K11" s="108">
        <v>7322</v>
      </c>
      <c r="L11" s="109">
        <v>3.0690192734410374E-2</v>
      </c>
      <c r="M11" s="110">
        <v>102.7</v>
      </c>
      <c r="N11" s="111">
        <v>16.5</v>
      </c>
      <c r="O11" s="3"/>
    </row>
    <row r="12" spans="2:15" ht="18.95" customHeight="1">
      <c r="B12" s="6"/>
      <c r="C12" s="21" t="s">
        <v>15</v>
      </c>
      <c r="D12" s="7"/>
      <c r="E12" s="8">
        <v>-147</v>
      </c>
      <c r="F12" s="9">
        <v>-42</v>
      </c>
      <c r="G12" s="9">
        <v>385</v>
      </c>
      <c r="H12" s="9">
        <v>427</v>
      </c>
      <c r="I12" s="9">
        <v>-105</v>
      </c>
      <c r="J12" s="9">
        <v>2349</v>
      </c>
      <c r="K12" s="9">
        <v>2454</v>
      </c>
      <c r="L12" s="25">
        <v>-2.0317702523956233E-2</v>
      </c>
      <c r="M12" s="10">
        <v>100.1</v>
      </c>
      <c r="N12" s="23">
        <v>7.9</v>
      </c>
      <c r="O12" s="3"/>
    </row>
    <row r="13" spans="2:15" ht="18.95" customHeight="1">
      <c r="B13" s="100"/>
      <c r="C13" s="105" t="s">
        <v>8</v>
      </c>
      <c r="D13" s="106"/>
      <c r="E13" s="107">
        <v>-309</v>
      </c>
      <c r="F13" s="108">
        <v>-149</v>
      </c>
      <c r="G13" s="108">
        <v>198</v>
      </c>
      <c r="H13" s="108">
        <v>347</v>
      </c>
      <c r="I13" s="108">
        <v>-160</v>
      </c>
      <c r="J13" s="108">
        <v>796</v>
      </c>
      <c r="K13" s="108">
        <v>956</v>
      </c>
      <c r="L13" s="109">
        <v>-7.7267385161661373E-2</v>
      </c>
      <c r="M13" s="110">
        <v>100.1</v>
      </c>
      <c r="N13" s="111">
        <v>4.4000000000000004</v>
      </c>
      <c r="O13" s="3"/>
    </row>
    <row r="14" spans="2:15" ht="18.95" customHeight="1">
      <c r="B14" s="6"/>
      <c r="C14" s="21" t="s">
        <v>9</v>
      </c>
      <c r="D14" s="7"/>
      <c r="E14" s="8">
        <v>30</v>
      </c>
      <c r="F14" s="9">
        <v>-43</v>
      </c>
      <c r="G14" s="9">
        <v>127</v>
      </c>
      <c r="H14" s="9">
        <v>170</v>
      </c>
      <c r="I14" s="9">
        <v>73</v>
      </c>
      <c r="J14" s="9">
        <v>664</v>
      </c>
      <c r="K14" s="9">
        <v>591</v>
      </c>
      <c r="L14" s="25">
        <v>1.1627546432668754E-2</v>
      </c>
      <c r="M14" s="10">
        <v>100.5</v>
      </c>
      <c r="N14" s="23">
        <v>2.8</v>
      </c>
      <c r="O14" s="3"/>
    </row>
    <row r="15" spans="2:15" ht="18.95" customHeight="1">
      <c r="B15" s="100"/>
      <c r="C15" s="105" t="s">
        <v>10</v>
      </c>
      <c r="D15" s="106"/>
      <c r="E15" s="107">
        <v>-28</v>
      </c>
      <c r="F15" s="108">
        <v>-48</v>
      </c>
      <c r="G15" s="108">
        <v>77</v>
      </c>
      <c r="H15" s="108">
        <v>125</v>
      </c>
      <c r="I15" s="108">
        <v>20</v>
      </c>
      <c r="J15" s="108">
        <v>545</v>
      </c>
      <c r="K15" s="108">
        <v>525</v>
      </c>
      <c r="L15" s="109">
        <v>-1.6251574371267216E-2</v>
      </c>
      <c r="M15" s="110">
        <v>88.8</v>
      </c>
      <c r="N15" s="111">
        <v>1.9</v>
      </c>
      <c r="O15" s="3"/>
    </row>
    <row r="16" spans="2:15" ht="18.95" customHeight="1">
      <c r="B16" s="6"/>
      <c r="C16" s="21" t="s">
        <v>11</v>
      </c>
      <c r="D16" s="7"/>
      <c r="E16" s="8">
        <v>136</v>
      </c>
      <c r="F16" s="9">
        <v>1</v>
      </c>
      <c r="G16" s="9">
        <v>247</v>
      </c>
      <c r="H16" s="9">
        <v>246</v>
      </c>
      <c r="I16" s="9">
        <v>135</v>
      </c>
      <c r="J16" s="9">
        <v>1348</v>
      </c>
      <c r="K16" s="9">
        <v>1213</v>
      </c>
      <c r="L16" s="25">
        <v>3.160225770246939E-2</v>
      </c>
      <c r="M16" s="10">
        <v>97.7</v>
      </c>
      <c r="N16" s="23">
        <v>4.7</v>
      </c>
      <c r="O16" s="3"/>
    </row>
    <row r="17" spans="2:15" ht="18.95" customHeight="1">
      <c r="B17" s="100"/>
      <c r="C17" s="105" t="s">
        <v>12</v>
      </c>
      <c r="D17" s="106"/>
      <c r="E17" s="107">
        <v>18</v>
      </c>
      <c r="F17" s="108">
        <v>-15</v>
      </c>
      <c r="G17" s="108">
        <v>96</v>
      </c>
      <c r="H17" s="108">
        <v>111</v>
      </c>
      <c r="I17" s="108">
        <v>33</v>
      </c>
      <c r="J17" s="108">
        <v>537</v>
      </c>
      <c r="K17" s="108">
        <v>504</v>
      </c>
      <c r="L17" s="109">
        <v>9.4049292279075603E-3</v>
      </c>
      <c r="M17" s="110">
        <v>94.9</v>
      </c>
      <c r="N17" s="111">
        <v>2.1</v>
      </c>
      <c r="O17" s="3"/>
    </row>
    <row r="18" spans="2:15" ht="18.95" customHeight="1">
      <c r="B18" s="6"/>
      <c r="C18" s="21" t="s">
        <v>13</v>
      </c>
      <c r="D18" s="7"/>
      <c r="E18" s="8">
        <v>85</v>
      </c>
      <c r="F18" s="9">
        <v>-13</v>
      </c>
      <c r="G18" s="9">
        <v>143</v>
      </c>
      <c r="H18" s="9">
        <v>156</v>
      </c>
      <c r="I18" s="9">
        <v>98</v>
      </c>
      <c r="J18" s="9">
        <v>736</v>
      </c>
      <c r="K18" s="9">
        <v>638</v>
      </c>
      <c r="L18" s="25">
        <v>3.5152437511372848E-2</v>
      </c>
      <c r="M18" s="10">
        <v>94.9</v>
      </c>
      <c r="N18" s="23">
        <v>2.6</v>
      </c>
      <c r="O18" s="3"/>
    </row>
    <row r="19" spans="2:15" ht="18.95" customHeight="1">
      <c r="B19" s="100"/>
      <c r="C19" s="105" t="s">
        <v>14</v>
      </c>
      <c r="D19" s="106"/>
      <c r="E19" s="107">
        <v>-33</v>
      </c>
      <c r="F19" s="108">
        <v>-25</v>
      </c>
      <c r="G19" s="108">
        <v>30</v>
      </c>
      <c r="H19" s="108">
        <v>55</v>
      </c>
      <c r="I19" s="108">
        <v>-8</v>
      </c>
      <c r="J19" s="108">
        <v>171</v>
      </c>
      <c r="K19" s="108">
        <v>179</v>
      </c>
      <c r="L19" s="109">
        <v>-5.7698359967828794E-2</v>
      </c>
      <c r="M19" s="110">
        <v>87.6</v>
      </c>
      <c r="N19" s="111">
        <v>0.6</v>
      </c>
      <c r="O19" s="3"/>
    </row>
    <row r="20" spans="2:15" ht="18.95" customHeight="1">
      <c r="B20" s="6"/>
      <c r="C20" s="21" t="s">
        <v>16</v>
      </c>
      <c r="D20" s="7"/>
      <c r="E20" s="8">
        <v>-65</v>
      </c>
      <c r="F20" s="9">
        <v>-27</v>
      </c>
      <c r="G20" s="9">
        <v>16</v>
      </c>
      <c r="H20" s="9">
        <v>43</v>
      </c>
      <c r="I20" s="9">
        <v>-38</v>
      </c>
      <c r="J20" s="9">
        <v>69</v>
      </c>
      <c r="K20" s="9">
        <v>107</v>
      </c>
      <c r="L20" s="25">
        <v>-0.14981791361268612</v>
      </c>
      <c r="M20" s="10">
        <v>92.2</v>
      </c>
      <c r="N20" s="23">
        <v>0.5</v>
      </c>
      <c r="O20" s="3"/>
    </row>
    <row r="21" spans="2:15" ht="18.95" customHeight="1">
      <c r="B21" s="100"/>
      <c r="C21" s="105" t="s">
        <v>17</v>
      </c>
      <c r="D21" s="106"/>
      <c r="E21" s="107">
        <v>-46</v>
      </c>
      <c r="F21" s="108">
        <v>-28</v>
      </c>
      <c r="G21" s="108">
        <v>65</v>
      </c>
      <c r="H21" s="108">
        <v>93</v>
      </c>
      <c r="I21" s="108">
        <v>-18</v>
      </c>
      <c r="J21" s="108">
        <v>397</v>
      </c>
      <c r="K21" s="108">
        <v>415</v>
      </c>
      <c r="L21" s="109">
        <v>-2.7774758782257967E-2</v>
      </c>
      <c r="M21" s="110">
        <v>104.8</v>
      </c>
      <c r="N21" s="111">
        <v>1.8</v>
      </c>
      <c r="O21" s="3"/>
    </row>
    <row r="22" spans="2:15" ht="18.95" customHeight="1">
      <c r="B22" s="6"/>
      <c r="C22" s="21" t="s">
        <v>18</v>
      </c>
      <c r="D22" s="7"/>
      <c r="E22" s="8">
        <v>-4</v>
      </c>
      <c r="F22" s="9">
        <v>-14</v>
      </c>
      <c r="G22" s="9">
        <v>117</v>
      </c>
      <c r="H22" s="9">
        <v>131</v>
      </c>
      <c r="I22" s="9">
        <v>10</v>
      </c>
      <c r="J22" s="9">
        <v>804</v>
      </c>
      <c r="K22" s="9">
        <v>794</v>
      </c>
      <c r="L22" s="25">
        <v>-1.7752687313042012E-3</v>
      </c>
      <c r="M22" s="10">
        <v>107.1</v>
      </c>
      <c r="N22" s="23">
        <v>2.5</v>
      </c>
      <c r="O22" s="3"/>
    </row>
    <row r="23" spans="2:15" ht="18.95" customHeight="1">
      <c r="B23" s="100"/>
      <c r="C23" s="105" t="s">
        <v>19</v>
      </c>
      <c r="D23" s="106"/>
      <c r="E23" s="107">
        <v>111</v>
      </c>
      <c r="F23" s="108">
        <v>23</v>
      </c>
      <c r="G23" s="108">
        <v>166</v>
      </c>
      <c r="H23" s="108">
        <v>143</v>
      </c>
      <c r="I23" s="108">
        <v>88</v>
      </c>
      <c r="J23" s="108">
        <v>910</v>
      </c>
      <c r="K23" s="108">
        <v>822</v>
      </c>
      <c r="L23" s="109">
        <v>4.7124953299595825E-2</v>
      </c>
      <c r="M23" s="110">
        <v>99.9</v>
      </c>
      <c r="N23" s="111">
        <v>2.6</v>
      </c>
      <c r="O23" s="3"/>
    </row>
    <row r="24" spans="2:15" ht="18.95" customHeight="1">
      <c r="B24" s="6"/>
      <c r="C24" s="21" t="s">
        <v>20</v>
      </c>
      <c r="D24" s="7"/>
      <c r="E24" s="8">
        <v>10</v>
      </c>
      <c r="F24" s="9">
        <v>-4</v>
      </c>
      <c r="G24" s="9">
        <v>63</v>
      </c>
      <c r="H24" s="9">
        <v>67</v>
      </c>
      <c r="I24" s="9">
        <v>14</v>
      </c>
      <c r="J24" s="9">
        <v>320</v>
      </c>
      <c r="K24" s="9">
        <v>306</v>
      </c>
      <c r="L24" s="25">
        <v>9.7562879275693189E-3</v>
      </c>
      <c r="M24" s="10">
        <v>102.9</v>
      </c>
      <c r="N24" s="23">
        <v>1.1000000000000001</v>
      </c>
      <c r="O24" s="3"/>
    </row>
    <row r="25" spans="2:15" ht="18.95" customHeight="1">
      <c r="B25" s="100"/>
      <c r="C25" s="105" t="s">
        <v>21</v>
      </c>
      <c r="D25" s="106"/>
      <c r="E25" s="107">
        <v>166</v>
      </c>
      <c r="F25" s="108">
        <v>32</v>
      </c>
      <c r="G25" s="108">
        <v>96</v>
      </c>
      <c r="H25" s="108">
        <v>64</v>
      </c>
      <c r="I25" s="108">
        <v>134</v>
      </c>
      <c r="J25" s="108">
        <v>536</v>
      </c>
      <c r="K25" s="108">
        <v>402</v>
      </c>
      <c r="L25" s="109">
        <v>0.125631943813762</v>
      </c>
      <c r="M25" s="110">
        <v>101.4</v>
      </c>
      <c r="N25" s="111">
        <v>1.4</v>
      </c>
      <c r="O25" s="3"/>
    </row>
    <row r="26" spans="2:15" ht="18.95" customHeight="1">
      <c r="B26" s="6"/>
      <c r="C26" s="21" t="s">
        <v>22</v>
      </c>
      <c r="D26" s="7"/>
      <c r="E26" s="8">
        <v>14</v>
      </c>
      <c r="F26" s="9">
        <v>-36</v>
      </c>
      <c r="G26" s="9">
        <v>60</v>
      </c>
      <c r="H26" s="9">
        <v>96</v>
      </c>
      <c r="I26" s="9">
        <v>50</v>
      </c>
      <c r="J26" s="9">
        <v>488</v>
      </c>
      <c r="K26" s="9">
        <v>438</v>
      </c>
      <c r="L26" s="25">
        <v>1.0811228232750299E-2</v>
      </c>
      <c r="M26" s="10">
        <v>99.5</v>
      </c>
      <c r="N26" s="23">
        <v>1.4</v>
      </c>
      <c r="O26" s="3"/>
    </row>
    <row r="27" spans="2:15" ht="18.95" customHeight="1">
      <c r="B27" s="100"/>
      <c r="C27" s="105" t="s">
        <v>23</v>
      </c>
      <c r="D27" s="106"/>
      <c r="E27" s="107">
        <v>7</v>
      </c>
      <c r="F27" s="108">
        <v>-6</v>
      </c>
      <c r="G27" s="108">
        <v>16</v>
      </c>
      <c r="H27" s="108">
        <v>22</v>
      </c>
      <c r="I27" s="108">
        <v>13</v>
      </c>
      <c r="J27" s="108">
        <v>121</v>
      </c>
      <c r="K27" s="108">
        <v>108</v>
      </c>
      <c r="L27" s="109">
        <v>1.6516055965835358E-2</v>
      </c>
      <c r="M27" s="110">
        <v>97</v>
      </c>
      <c r="N27" s="111">
        <v>0.5</v>
      </c>
      <c r="O27" s="3"/>
    </row>
    <row r="28" spans="2:15" ht="18.95" customHeight="1">
      <c r="B28" s="6"/>
      <c r="C28" s="21" t="s">
        <v>24</v>
      </c>
      <c r="D28" s="7"/>
      <c r="E28" s="8">
        <v>22</v>
      </c>
      <c r="F28" s="9">
        <v>-18</v>
      </c>
      <c r="G28" s="9">
        <v>42</v>
      </c>
      <c r="H28" s="9">
        <v>60</v>
      </c>
      <c r="I28" s="9">
        <v>40</v>
      </c>
      <c r="J28" s="9">
        <v>311</v>
      </c>
      <c r="K28" s="9">
        <v>271</v>
      </c>
      <c r="L28" s="25">
        <v>2.6184865147944492E-2</v>
      </c>
      <c r="M28" s="10">
        <v>103.5</v>
      </c>
      <c r="N28" s="23">
        <v>0.9</v>
      </c>
      <c r="O28" s="3"/>
    </row>
    <row r="29" spans="2:15" ht="18.95" customHeight="1">
      <c r="B29" s="100"/>
      <c r="C29" s="105" t="s">
        <v>31</v>
      </c>
      <c r="D29" s="106"/>
      <c r="E29" s="107">
        <v>-12</v>
      </c>
      <c r="F29" s="108">
        <v>-13</v>
      </c>
      <c r="G29" s="108">
        <v>14</v>
      </c>
      <c r="H29" s="108">
        <v>27</v>
      </c>
      <c r="I29" s="108">
        <v>1</v>
      </c>
      <c r="J29" s="108">
        <v>87</v>
      </c>
      <c r="K29" s="108">
        <v>86</v>
      </c>
      <c r="L29" s="109">
        <v>-3.7616375662204944E-2</v>
      </c>
      <c r="M29" s="110">
        <v>89.4</v>
      </c>
      <c r="N29" s="111">
        <v>0.3</v>
      </c>
      <c r="O29" s="3"/>
    </row>
    <row r="30" spans="2:15" ht="18.95" customHeight="1">
      <c r="B30" s="6"/>
      <c r="C30" s="21" t="s">
        <v>32</v>
      </c>
      <c r="D30" s="7"/>
      <c r="E30" s="8">
        <v>-43</v>
      </c>
      <c r="F30" s="9">
        <v>0</v>
      </c>
      <c r="G30" s="9">
        <v>28</v>
      </c>
      <c r="H30" s="9">
        <v>28</v>
      </c>
      <c r="I30" s="9">
        <v>-43</v>
      </c>
      <c r="J30" s="9">
        <v>142</v>
      </c>
      <c r="K30" s="9">
        <v>185</v>
      </c>
      <c r="L30" s="25">
        <v>-8.9204215417807639E-2</v>
      </c>
      <c r="M30" s="10">
        <v>102.8</v>
      </c>
      <c r="N30" s="23">
        <v>0.5</v>
      </c>
      <c r="O30" s="3"/>
    </row>
    <row r="31" spans="2:15" ht="18.95" customHeight="1">
      <c r="B31" s="100"/>
      <c r="C31" s="105" t="s">
        <v>33</v>
      </c>
      <c r="D31" s="106"/>
      <c r="E31" s="107">
        <v>26</v>
      </c>
      <c r="F31" s="108">
        <v>-13</v>
      </c>
      <c r="G31" s="108">
        <v>9</v>
      </c>
      <c r="H31" s="108">
        <v>22</v>
      </c>
      <c r="I31" s="108">
        <v>39</v>
      </c>
      <c r="J31" s="108">
        <v>116</v>
      </c>
      <c r="K31" s="108">
        <v>77</v>
      </c>
      <c r="L31" s="109">
        <v>8.2565893934582399E-2</v>
      </c>
      <c r="M31" s="110">
        <v>95.5</v>
      </c>
      <c r="N31" s="111">
        <v>0.3</v>
      </c>
      <c r="O31" s="3"/>
    </row>
    <row r="32" spans="2:15" ht="18.95" customHeight="1">
      <c r="B32" s="6"/>
      <c r="C32" s="21" t="s">
        <v>34</v>
      </c>
      <c r="D32" s="7"/>
      <c r="E32" s="8">
        <v>-18</v>
      </c>
      <c r="F32" s="9">
        <v>-3</v>
      </c>
      <c r="G32" s="9">
        <v>21</v>
      </c>
      <c r="H32" s="9">
        <v>24</v>
      </c>
      <c r="I32" s="9">
        <v>-15</v>
      </c>
      <c r="J32" s="9">
        <v>70</v>
      </c>
      <c r="K32" s="9">
        <v>85</v>
      </c>
      <c r="L32" s="25">
        <v>-6.4442216812258341E-2</v>
      </c>
      <c r="M32" s="10">
        <v>92.7</v>
      </c>
      <c r="N32" s="23">
        <v>0.3</v>
      </c>
      <c r="O32" s="3"/>
    </row>
    <row r="33" spans="1:15" ht="18.95" customHeight="1">
      <c r="B33" s="100"/>
      <c r="C33" s="105" t="s">
        <v>35</v>
      </c>
      <c r="D33" s="106"/>
      <c r="E33" s="107">
        <v>4</v>
      </c>
      <c r="F33" s="108">
        <v>-5</v>
      </c>
      <c r="G33" s="108">
        <v>2</v>
      </c>
      <c r="H33" s="108">
        <v>7</v>
      </c>
      <c r="I33" s="108">
        <v>9</v>
      </c>
      <c r="J33" s="108">
        <v>27</v>
      </c>
      <c r="K33" s="108">
        <v>18</v>
      </c>
      <c r="L33" s="109">
        <v>4.226096143687269E-2</v>
      </c>
      <c r="M33" s="110">
        <v>100.6</v>
      </c>
      <c r="N33" s="111">
        <v>0.1</v>
      </c>
      <c r="O33" s="3"/>
    </row>
    <row r="34" spans="1:15" ht="18.95" customHeight="1">
      <c r="B34" s="6"/>
      <c r="C34" s="21" t="s">
        <v>36</v>
      </c>
      <c r="D34" s="7"/>
      <c r="E34" s="8">
        <v>18</v>
      </c>
      <c r="F34" s="9">
        <v>2</v>
      </c>
      <c r="G34" s="9">
        <v>11</v>
      </c>
      <c r="H34" s="9">
        <v>9</v>
      </c>
      <c r="I34" s="9">
        <v>16</v>
      </c>
      <c r="J34" s="9">
        <v>73</v>
      </c>
      <c r="K34" s="9">
        <v>57</v>
      </c>
      <c r="L34" s="25">
        <v>0.10609454202522692</v>
      </c>
      <c r="M34" s="10">
        <v>99.1</v>
      </c>
      <c r="N34" s="23">
        <v>0.2</v>
      </c>
      <c r="O34" s="3"/>
    </row>
    <row r="35" spans="1:15" ht="18.95" customHeight="1">
      <c r="B35" s="100"/>
      <c r="C35" s="105" t="s">
        <v>37</v>
      </c>
      <c r="D35" s="106"/>
      <c r="E35" s="107">
        <v>25</v>
      </c>
      <c r="F35" s="108">
        <v>-2</v>
      </c>
      <c r="G35" s="108">
        <v>9</v>
      </c>
      <c r="H35" s="108">
        <v>11</v>
      </c>
      <c r="I35" s="108">
        <v>27</v>
      </c>
      <c r="J35" s="108">
        <v>118</v>
      </c>
      <c r="K35" s="108">
        <v>91</v>
      </c>
      <c r="L35" s="109">
        <v>0.2281646436068267</v>
      </c>
      <c r="M35" s="110">
        <v>97.7</v>
      </c>
      <c r="N35" s="111">
        <v>0.1</v>
      </c>
      <c r="O35" s="3"/>
    </row>
    <row r="36" spans="1:15" ht="18.95" customHeight="1">
      <c r="B36" s="6"/>
      <c r="C36" s="21" t="s">
        <v>38</v>
      </c>
      <c r="D36" s="7"/>
      <c r="E36" s="8">
        <v>-7</v>
      </c>
      <c r="F36" s="9">
        <v>-4</v>
      </c>
      <c r="G36" s="9">
        <v>2</v>
      </c>
      <c r="H36" s="9">
        <v>6</v>
      </c>
      <c r="I36" s="9">
        <v>-3</v>
      </c>
      <c r="J36" s="9">
        <v>12</v>
      </c>
      <c r="K36" s="9">
        <v>15</v>
      </c>
      <c r="L36" s="25">
        <v>-7.0245860511791269E-2</v>
      </c>
      <c r="M36" s="10">
        <v>96.3</v>
      </c>
      <c r="N36" s="23">
        <v>0.1</v>
      </c>
      <c r="O36" s="3"/>
    </row>
    <row r="37" spans="1:15" ht="18.95" customHeight="1">
      <c r="B37" s="100"/>
      <c r="C37" s="105" t="s">
        <v>39</v>
      </c>
      <c r="D37" s="106"/>
      <c r="E37" s="107">
        <v>-1</v>
      </c>
      <c r="F37" s="108">
        <v>7</v>
      </c>
      <c r="G37" s="108">
        <v>13</v>
      </c>
      <c r="H37" s="108">
        <v>6</v>
      </c>
      <c r="I37" s="108">
        <v>-8</v>
      </c>
      <c r="J37" s="108">
        <v>52</v>
      </c>
      <c r="K37" s="108">
        <v>60</v>
      </c>
      <c r="L37" s="109">
        <v>-5.663476241717166E-3</v>
      </c>
      <c r="M37" s="110">
        <v>94.8</v>
      </c>
      <c r="N37" s="111">
        <v>0.2</v>
      </c>
      <c r="O37" s="3"/>
    </row>
    <row r="38" spans="1:15" ht="18.95" customHeight="1">
      <c r="B38" s="6"/>
      <c r="C38" s="21" t="s">
        <v>40</v>
      </c>
      <c r="D38" s="7"/>
      <c r="E38" s="8">
        <v>-45</v>
      </c>
      <c r="F38" s="9">
        <v>-12</v>
      </c>
      <c r="G38" s="9">
        <v>1</v>
      </c>
      <c r="H38" s="9">
        <v>13</v>
      </c>
      <c r="I38" s="9">
        <v>-33</v>
      </c>
      <c r="J38" s="9">
        <v>111</v>
      </c>
      <c r="K38" s="9">
        <v>144</v>
      </c>
      <c r="L38" s="25">
        <v>-0.3929444638491093</v>
      </c>
      <c r="M38" s="10">
        <v>91.5</v>
      </c>
      <c r="N38" s="23">
        <v>0.1</v>
      </c>
      <c r="O38" s="3"/>
    </row>
    <row r="39" spans="1:15" ht="18.95" customHeight="1">
      <c r="B39" s="100"/>
      <c r="C39" s="105" t="s">
        <v>41</v>
      </c>
      <c r="D39" s="106"/>
      <c r="E39" s="107">
        <v>-2</v>
      </c>
      <c r="F39" s="108">
        <v>-11</v>
      </c>
      <c r="G39" s="108">
        <v>1</v>
      </c>
      <c r="H39" s="108">
        <v>12</v>
      </c>
      <c r="I39" s="108">
        <v>9</v>
      </c>
      <c r="J39" s="108">
        <v>28</v>
      </c>
      <c r="K39" s="108">
        <v>19</v>
      </c>
      <c r="L39" s="109">
        <v>-2.863278453829635E-2</v>
      </c>
      <c r="M39" s="110">
        <v>87.9</v>
      </c>
      <c r="N39" s="111">
        <v>0.1</v>
      </c>
      <c r="O39" s="3"/>
    </row>
    <row r="40" spans="1:15" ht="18.95" customHeight="1">
      <c r="B40" s="6"/>
      <c r="C40" s="21" t="s">
        <v>42</v>
      </c>
      <c r="D40" s="7"/>
      <c r="E40" s="8">
        <v>-25</v>
      </c>
      <c r="F40" s="9">
        <v>-28</v>
      </c>
      <c r="G40" s="9">
        <v>5</v>
      </c>
      <c r="H40" s="9">
        <v>33</v>
      </c>
      <c r="I40" s="9">
        <v>3</v>
      </c>
      <c r="J40" s="9">
        <v>81</v>
      </c>
      <c r="K40" s="9">
        <v>78</v>
      </c>
      <c r="L40" s="25">
        <v>-0.10296540362438221</v>
      </c>
      <c r="M40" s="10">
        <v>86.7</v>
      </c>
      <c r="N40" s="23">
        <v>0.3</v>
      </c>
      <c r="O40" s="3"/>
    </row>
    <row r="41" spans="1:15" ht="18.95" customHeight="1">
      <c r="B41" s="100"/>
      <c r="C41" s="105" t="s">
        <v>43</v>
      </c>
      <c r="D41" s="106"/>
      <c r="E41" s="107">
        <v>-5</v>
      </c>
      <c r="F41" s="108">
        <v>-13</v>
      </c>
      <c r="G41" s="108">
        <v>11</v>
      </c>
      <c r="H41" s="108">
        <v>24</v>
      </c>
      <c r="I41" s="108">
        <v>8</v>
      </c>
      <c r="J41" s="108">
        <v>136</v>
      </c>
      <c r="K41" s="108">
        <v>128</v>
      </c>
      <c r="L41" s="109">
        <v>-1.255997387525434E-2</v>
      </c>
      <c r="M41" s="110">
        <v>108.9</v>
      </c>
      <c r="N41" s="111">
        <v>0.4</v>
      </c>
      <c r="O41" s="3"/>
    </row>
    <row r="42" spans="1:15" ht="18.95" customHeight="1" thickBot="1">
      <c r="A42" s="14"/>
      <c r="B42" s="6"/>
      <c r="C42" s="21" t="s">
        <v>44</v>
      </c>
      <c r="D42" s="7"/>
      <c r="E42" s="11">
        <v>6</v>
      </c>
      <c r="F42" s="12">
        <v>1</v>
      </c>
      <c r="G42" s="12">
        <v>3</v>
      </c>
      <c r="H42" s="12">
        <v>2</v>
      </c>
      <c r="I42" s="12">
        <v>5</v>
      </c>
      <c r="J42" s="12">
        <v>13</v>
      </c>
      <c r="K42" s="12">
        <v>8</v>
      </c>
      <c r="L42" s="26">
        <v>0.19023462270133165</v>
      </c>
      <c r="M42" s="13">
        <v>104.1</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52</v>
      </c>
      <c r="C45" s="126"/>
      <c r="D45" s="106"/>
      <c r="E45" s="127"/>
      <c r="F45" s="127"/>
      <c r="G45" s="127"/>
    </row>
    <row r="46" spans="1:15">
      <c r="B46" s="141"/>
      <c r="C46" s="126"/>
      <c r="D46" s="106"/>
      <c r="E46" s="127"/>
      <c r="F46" s="127"/>
      <c r="G46" s="127"/>
      <c r="H46" s="127"/>
      <c r="I46" s="127"/>
      <c r="J46" s="127"/>
      <c r="K46" s="127"/>
      <c r="L46" s="128"/>
      <c r="M46" s="129"/>
      <c r="N46" s="129"/>
    </row>
    <row r="47" spans="1:15">
      <c r="B47" s="141"/>
      <c r="C47" s="126"/>
      <c r="D47" s="106"/>
      <c r="E47" s="127"/>
      <c r="F47" s="127"/>
      <c r="G47" s="127"/>
      <c r="H47" s="127"/>
      <c r="I47" s="127"/>
      <c r="J47" s="127"/>
      <c r="K47" s="127"/>
      <c r="L47" s="128"/>
      <c r="M47" s="129"/>
      <c r="N47" s="129"/>
    </row>
    <row r="48" spans="1:15">
      <c r="B48" s="141"/>
      <c r="C48" s="126"/>
      <c r="D48" s="106"/>
      <c r="E48" s="127"/>
      <c r="F48" s="127"/>
      <c r="G48" s="127"/>
      <c r="H48" s="127"/>
      <c r="I48" s="127"/>
      <c r="J48" s="127"/>
      <c r="K48" s="127"/>
      <c r="L48" s="128"/>
      <c r="M48" s="129"/>
      <c r="N48" s="129"/>
    </row>
    <row r="49" spans="2:14">
      <c r="B49" s="163"/>
      <c r="C49" s="163"/>
      <c r="D49" s="163"/>
      <c r="E49" s="163"/>
      <c r="F49" s="163"/>
      <c r="G49" s="163"/>
      <c r="H49" s="163"/>
      <c r="I49" s="163"/>
      <c r="J49" s="163"/>
      <c r="K49" s="127"/>
      <c r="L49" s="128"/>
      <c r="M49" s="129"/>
      <c r="N49" s="129"/>
    </row>
    <row r="50" spans="2:14">
      <c r="B50" s="142"/>
      <c r="C50" s="142"/>
      <c r="D50" s="142"/>
      <c r="E50" s="142"/>
      <c r="F50" s="142"/>
      <c r="G50" s="142"/>
      <c r="H50" s="142"/>
      <c r="I50" s="142"/>
      <c r="J50" s="142"/>
      <c r="K50" s="143"/>
      <c r="L50" s="143"/>
      <c r="N50" s="5"/>
    </row>
    <row r="51" spans="2:14">
      <c r="J51" s="143"/>
      <c r="K51" s="144"/>
      <c r="L51" s="144"/>
      <c r="M51" s="144"/>
      <c r="N51" s="145"/>
    </row>
    <row r="52" spans="2:14">
      <c r="M52" s="144"/>
      <c r="N52" s="145"/>
    </row>
    <row r="53" spans="2:14" ht="15">
      <c r="G53" s="146"/>
    </row>
    <row r="54" spans="2:14" ht="15">
      <c r="B54" s="147"/>
      <c r="G54" s="148"/>
    </row>
    <row r="55" spans="2:14">
      <c r="B55" s="147"/>
    </row>
  </sheetData>
  <mergeCells count="6">
    <mergeCell ref="B49:J49"/>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68</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69</v>
      </c>
      <c r="G3" s="91"/>
      <c r="H3" s="91"/>
      <c r="I3" s="161" t="s">
        <v>70</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932</v>
      </c>
      <c r="F6" s="18">
        <v>-630</v>
      </c>
      <c r="G6" s="18">
        <v>5875</v>
      </c>
      <c r="H6" s="18">
        <v>6505</v>
      </c>
      <c r="I6" s="18">
        <v>-302</v>
      </c>
      <c r="J6" s="18">
        <v>38445</v>
      </c>
      <c r="K6" s="18">
        <v>38747</v>
      </c>
      <c r="L6" s="27">
        <v>-1.0150969531952082E-2</v>
      </c>
      <c r="M6" s="19">
        <v>99.5</v>
      </c>
      <c r="N6" s="22">
        <v>100</v>
      </c>
      <c r="O6" s="3"/>
    </row>
    <row r="7" spans="2:15" ht="18.95" customHeight="1">
      <c r="B7" s="100"/>
      <c r="C7" s="105" t="s">
        <v>4</v>
      </c>
      <c r="D7" s="106"/>
      <c r="E7" s="107">
        <v>-799</v>
      </c>
      <c r="F7" s="108">
        <v>-486</v>
      </c>
      <c r="G7" s="108">
        <v>5740</v>
      </c>
      <c r="H7" s="108">
        <v>6226</v>
      </c>
      <c r="I7" s="108">
        <v>-313</v>
      </c>
      <c r="J7" s="108">
        <v>37338</v>
      </c>
      <c r="K7" s="108">
        <v>37651</v>
      </c>
      <c r="L7" s="109">
        <v>-8.9863619866315785E-3</v>
      </c>
      <c r="M7" s="110">
        <v>99.6</v>
      </c>
      <c r="N7" s="111">
        <v>96.8</v>
      </c>
      <c r="O7" s="3"/>
    </row>
    <row r="8" spans="2:15" ht="18.95" customHeight="1">
      <c r="B8" s="100"/>
      <c r="C8" s="105" t="s">
        <v>5</v>
      </c>
      <c r="D8" s="106"/>
      <c r="E8" s="107">
        <v>-133</v>
      </c>
      <c r="F8" s="108">
        <v>-144</v>
      </c>
      <c r="G8" s="108">
        <v>135</v>
      </c>
      <c r="H8" s="108">
        <v>279</v>
      </c>
      <c r="I8" s="108">
        <v>11</v>
      </c>
      <c r="J8" s="108">
        <v>1107</v>
      </c>
      <c r="K8" s="108">
        <v>1096</v>
      </c>
      <c r="L8" s="109">
        <v>-4.5840255326775534E-2</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216</v>
      </c>
      <c r="F10" s="9">
        <v>-314</v>
      </c>
      <c r="G10" s="9">
        <v>2324</v>
      </c>
      <c r="H10" s="9">
        <v>2638</v>
      </c>
      <c r="I10" s="9">
        <v>98</v>
      </c>
      <c r="J10" s="9">
        <v>17153</v>
      </c>
      <c r="K10" s="9">
        <v>17055</v>
      </c>
      <c r="L10" s="25">
        <v>-5.7741150166286488E-3</v>
      </c>
      <c r="M10" s="10">
        <v>98.8</v>
      </c>
      <c r="N10" s="23">
        <v>40.700000000000003</v>
      </c>
      <c r="O10" s="3"/>
    </row>
    <row r="11" spans="2:15" ht="18.95" customHeight="1">
      <c r="B11" s="100"/>
      <c r="C11" s="105" t="s">
        <v>7</v>
      </c>
      <c r="D11" s="106"/>
      <c r="E11" s="107">
        <v>445</v>
      </c>
      <c r="F11" s="108">
        <v>351</v>
      </c>
      <c r="G11" s="108">
        <v>1268</v>
      </c>
      <c r="H11" s="108">
        <v>917</v>
      </c>
      <c r="I11" s="108">
        <v>94</v>
      </c>
      <c r="J11" s="108">
        <v>8283</v>
      </c>
      <c r="K11" s="108">
        <v>8189</v>
      </c>
      <c r="L11" s="109">
        <v>2.9361173444039254E-2</v>
      </c>
      <c r="M11" s="110">
        <v>102.7</v>
      </c>
      <c r="N11" s="111">
        <v>16.5</v>
      </c>
      <c r="O11" s="3"/>
    </row>
    <row r="12" spans="2:15" ht="18.95" customHeight="1">
      <c r="B12" s="6"/>
      <c r="C12" s="21" t="s">
        <v>15</v>
      </c>
      <c r="D12" s="7"/>
      <c r="E12" s="8">
        <v>-210</v>
      </c>
      <c r="F12" s="9">
        <v>-22</v>
      </c>
      <c r="G12" s="9">
        <v>446</v>
      </c>
      <c r="H12" s="9">
        <v>468</v>
      </c>
      <c r="I12" s="9">
        <v>-188</v>
      </c>
      <c r="J12" s="9">
        <v>2533</v>
      </c>
      <c r="K12" s="9">
        <v>2721</v>
      </c>
      <c r="L12" s="25">
        <v>-2.9031187790311875E-2</v>
      </c>
      <c r="M12" s="10">
        <v>100.1</v>
      </c>
      <c r="N12" s="23">
        <v>7.9</v>
      </c>
      <c r="O12" s="3"/>
    </row>
    <row r="13" spans="2:15" ht="18.95" customHeight="1">
      <c r="B13" s="100"/>
      <c r="C13" s="105" t="s">
        <v>8</v>
      </c>
      <c r="D13" s="106"/>
      <c r="E13" s="107">
        <v>-1263</v>
      </c>
      <c r="F13" s="108">
        <v>-222</v>
      </c>
      <c r="G13" s="108">
        <v>181</v>
      </c>
      <c r="H13" s="108">
        <v>403</v>
      </c>
      <c r="I13" s="108">
        <v>-1041</v>
      </c>
      <c r="J13" s="108">
        <v>947</v>
      </c>
      <c r="K13" s="108">
        <v>1988</v>
      </c>
      <c r="L13" s="109">
        <v>-0.31606527511192412</v>
      </c>
      <c r="M13" s="110">
        <v>99.6</v>
      </c>
      <c r="N13" s="111">
        <v>4.3</v>
      </c>
      <c r="O13" s="3"/>
    </row>
    <row r="14" spans="2:15" ht="18.95" customHeight="1">
      <c r="B14" s="6"/>
      <c r="C14" s="21" t="s">
        <v>9</v>
      </c>
      <c r="D14" s="7"/>
      <c r="E14" s="8">
        <v>-1</v>
      </c>
      <c r="F14" s="9">
        <v>-13</v>
      </c>
      <c r="G14" s="9">
        <v>158</v>
      </c>
      <c r="H14" s="9">
        <v>171</v>
      </c>
      <c r="I14" s="9">
        <v>12</v>
      </c>
      <c r="J14" s="9">
        <v>675</v>
      </c>
      <c r="K14" s="9">
        <v>663</v>
      </c>
      <c r="L14" s="25">
        <v>-3.8753981971647585E-4</v>
      </c>
      <c r="M14" s="10">
        <v>100.5</v>
      </c>
      <c r="N14" s="23">
        <v>2.8</v>
      </c>
      <c r="O14" s="3"/>
    </row>
    <row r="15" spans="2:15" ht="18.95" customHeight="1">
      <c r="B15" s="100"/>
      <c r="C15" s="105" t="s">
        <v>10</v>
      </c>
      <c r="D15" s="106"/>
      <c r="E15" s="107">
        <v>74</v>
      </c>
      <c r="F15" s="108">
        <v>-58</v>
      </c>
      <c r="G15" s="108">
        <v>80</v>
      </c>
      <c r="H15" s="108">
        <v>138</v>
      </c>
      <c r="I15" s="108">
        <v>132</v>
      </c>
      <c r="J15" s="108">
        <v>657</v>
      </c>
      <c r="K15" s="108">
        <v>525</v>
      </c>
      <c r="L15" s="109">
        <v>4.2957570691326635E-2</v>
      </c>
      <c r="M15" s="110">
        <v>88.8</v>
      </c>
      <c r="N15" s="111">
        <v>1.9</v>
      </c>
      <c r="O15" s="3"/>
    </row>
    <row r="16" spans="2:15" ht="18.95" customHeight="1">
      <c r="B16" s="6"/>
      <c r="C16" s="21" t="s">
        <v>11</v>
      </c>
      <c r="D16" s="7"/>
      <c r="E16" s="8">
        <v>222</v>
      </c>
      <c r="F16" s="9">
        <v>15</v>
      </c>
      <c r="G16" s="9">
        <v>307</v>
      </c>
      <c r="H16" s="9">
        <v>292</v>
      </c>
      <c r="I16" s="9">
        <v>207</v>
      </c>
      <c r="J16" s="9">
        <v>1432</v>
      </c>
      <c r="K16" s="9">
        <v>1225</v>
      </c>
      <c r="L16" s="25">
        <v>5.156974110596188E-2</v>
      </c>
      <c r="M16" s="10">
        <v>97.7</v>
      </c>
      <c r="N16" s="23">
        <v>4.7</v>
      </c>
      <c r="O16" s="3"/>
    </row>
    <row r="17" spans="2:15" ht="18.95" customHeight="1">
      <c r="B17" s="100"/>
      <c r="C17" s="105" t="s">
        <v>12</v>
      </c>
      <c r="D17" s="106"/>
      <c r="E17" s="107">
        <v>-82</v>
      </c>
      <c r="F17" s="108">
        <v>-64</v>
      </c>
      <c r="G17" s="108">
        <v>102</v>
      </c>
      <c r="H17" s="108">
        <v>166</v>
      </c>
      <c r="I17" s="108">
        <v>-18</v>
      </c>
      <c r="J17" s="108">
        <v>532</v>
      </c>
      <c r="K17" s="108">
        <v>550</v>
      </c>
      <c r="L17" s="109">
        <v>-4.2840648461132565E-2</v>
      </c>
      <c r="M17" s="110">
        <v>94.9</v>
      </c>
      <c r="N17" s="111">
        <v>2.1</v>
      </c>
      <c r="O17" s="3"/>
    </row>
    <row r="18" spans="2:15" ht="18.95" customHeight="1">
      <c r="B18" s="6"/>
      <c r="C18" s="21" t="s">
        <v>13</v>
      </c>
      <c r="D18" s="7"/>
      <c r="E18" s="8">
        <v>114</v>
      </c>
      <c r="F18" s="9">
        <v>-6</v>
      </c>
      <c r="G18" s="9">
        <v>156</v>
      </c>
      <c r="H18" s="9">
        <v>162</v>
      </c>
      <c r="I18" s="9">
        <v>120</v>
      </c>
      <c r="J18" s="9">
        <v>801</v>
      </c>
      <c r="K18" s="9">
        <v>681</v>
      </c>
      <c r="L18" s="25">
        <v>4.7129055062446003E-2</v>
      </c>
      <c r="M18" s="10">
        <v>94.9</v>
      </c>
      <c r="N18" s="23">
        <v>2.6</v>
      </c>
      <c r="O18" s="3"/>
    </row>
    <row r="19" spans="2:15" ht="18.95" customHeight="1">
      <c r="B19" s="100"/>
      <c r="C19" s="105" t="s">
        <v>14</v>
      </c>
      <c r="D19" s="106"/>
      <c r="E19" s="107">
        <v>28</v>
      </c>
      <c r="F19" s="108">
        <v>-17</v>
      </c>
      <c r="G19" s="108">
        <v>32</v>
      </c>
      <c r="H19" s="108">
        <v>49</v>
      </c>
      <c r="I19" s="108">
        <v>45</v>
      </c>
      <c r="J19" s="108">
        <v>207</v>
      </c>
      <c r="K19" s="108">
        <v>162</v>
      </c>
      <c r="L19" s="109">
        <v>4.8984447437938457E-2</v>
      </c>
      <c r="M19" s="110">
        <v>87.7</v>
      </c>
      <c r="N19" s="111">
        <v>0.6</v>
      </c>
      <c r="O19" s="3"/>
    </row>
    <row r="20" spans="2:15" ht="18.95" customHeight="1">
      <c r="B20" s="6"/>
      <c r="C20" s="21" t="s">
        <v>16</v>
      </c>
      <c r="D20" s="7"/>
      <c r="E20" s="8">
        <v>-33</v>
      </c>
      <c r="F20" s="9">
        <v>-28</v>
      </c>
      <c r="G20" s="9">
        <v>17</v>
      </c>
      <c r="H20" s="9">
        <v>45</v>
      </c>
      <c r="I20" s="9">
        <v>-5</v>
      </c>
      <c r="J20" s="9">
        <v>99</v>
      </c>
      <c r="K20" s="9">
        <v>104</v>
      </c>
      <c r="L20" s="25">
        <v>-7.6175526880727595E-2</v>
      </c>
      <c r="M20" s="10">
        <v>92.2</v>
      </c>
      <c r="N20" s="23">
        <v>0.5</v>
      </c>
      <c r="O20" s="3"/>
    </row>
    <row r="21" spans="2:15" ht="18.95" customHeight="1">
      <c r="B21" s="100"/>
      <c r="C21" s="105" t="s">
        <v>17</v>
      </c>
      <c r="D21" s="106"/>
      <c r="E21" s="107">
        <v>-51</v>
      </c>
      <c r="F21" s="108">
        <v>-73</v>
      </c>
      <c r="G21" s="108">
        <v>73</v>
      </c>
      <c r="H21" s="108">
        <v>146</v>
      </c>
      <c r="I21" s="108">
        <v>22</v>
      </c>
      <c r="J21" s="108">
        <v>462</v>
      </c>
      <c r="K21" s="108">
        <v>440</v>
      </c>
      <c r="L21" s="109">
        <v>-3.0802309569250837E-2</v>
      </c>
      <c r="M21" s="110">
        <v>104.8</v>
      </c>
      <c r="N21" s="111">
        <v>1.8</v>
      </c>
      <c r="O21" s="3"/>
    </row>
    <row r="22" spans="2:15" ht="18.95" customHeight="1">
      <c r="B22" s="6"/>
      <c r="C22" s="21" t="s">
        <v>18</v>
      </c>
      <c r="D22" s="7"/>
      <c r="E22" s="8">
        <v>47</v>
      </c>
      <c r="F22" s="9">
        <v>-24</v>
      </c>
      <c r="G22" s="9">
        <v>127</v>
      </c>
      <c r="H22" s="9">
        <v>151</v>
      </c>
      <c r="I22" s="9">
        <v>71</v>
      </c>
      <c r="J22" s="9">
        <v>851</v>
      </c>
      <c r="K22" s="9">
        <v>780</v>
      </c>
      <c r="L22" s="25">
        <v>2.0859777909939019E-2</v>
      </c>
      <c r="M22" s="10">
        <v>107.1</v>
      </c>
      <c r="N22" s="23">
        <v>2.5</v>
      </c>
      <c r="O22" s="3"/>
    </row>
    <row r="23" spans="2:15" ht="18.95" customHeight="1">
      <c r="B23" s="100"/>
      <c r="C23" s="105" t="s">
        <v>19</v>
      </c>
      <c r="D23" s="106"/>
      <c r="E23" s="107">
        <v>56</v>
      </c>
      <c r="F23" s="108">
        <v>31</v>
      </c>
      <c r="G23" s="108">
        <v>170</v>
      </c>
      <c r="H23" s="108">
        <v>139</v>
      </c>
      <c r="I23" s="108">
        <v>25</v>
      </c>
      <c r="J23" s="108">
        <v>928</v>
      </c>
      <c r="K23" s="108">
        <v>903</v>
      </c>
      <c r="L23" s="109">
        <v>2.3763552651121345E-2</v>
      </c>
      <c r="M23" s="110">
        <v>99.8</v>
      </c>
      <c r="N23" s="111">
        <v>2.6</v>
      </c>
      <c r="O23" s="3"/>
    </row>
    <row r="24" spans="2:15" ht="18.95" customHeight="1">
      <c r="B24" s="6"/>
      <c r="C24" s="21" t="s">
        <v>20</v>
      </c>
      <c r="D24" s="7"/>
      <c r="E24" s="8">
        <v>-53</v>
      </c>
      <c r="F24" s="9">
        <v>6</v>
      </c>
      <c r="G24" s="9">
        <v>79</v>
      </c>
      <c r="H24" s="9">
        <v>73</v>
      </c>
      <c r="I24" s="9">
        <v>-59</v>
      </c>
      <c r="J24" s="9">
        <v>320</v>
      </c>
      <c r="K24" s="9">
        <v>379</v>
      </c>
      <c r="L24" s="25">
        <v>-5.1703281695087214E-2</v>
      </c>
      <c r="M24" s="10">
        <v>102.9</v>
      </c>
      <c r="N24" s="23">
        <v>1.1000000000000001</v>
      </c>
      <c r="O24" s="3"/>
    </row>
    <row r="25" spans="2:15" ht="18.95" customHeight="1">
      <c r="B25" s="100"/>
      <c r="C25" s="105" t="s">
        <v>21</v>
      </c>
      <c r="D25" s="106"/>
      <c r="E25" s="107">
        <v>81</v>
      </c>
      <c r="F25" s="108">
        <v>5</v>
      </c>
      <c r="G25" s="108">
        <v>90</v>
      </c>
      <c r="H25" s="108">
        <v>85</v>
      </c>
      <c r="I25" s="108">
        <v>76</v>
      </c>
      <c r="J25" s="108">
        <v>489</v>
      </c>
      <c r="K25" s="108">
        <v>413</v>
      </c>
      <c r="L25" s="109">
        <v>6.1225415350194261E-2</v>
      </c>
      <c r="M25" s="110">
        <v>101.5</v>
      </c>
      <c r="N25" s="111">
        <v>1.4</v>
      </c>
      <c r="O25" s="3"/>
    </row>
    <row r="26" spans="2:15" ht="18.95" customHeight="1">
      <c r="B26" s="6"/>
      <c r="C26" s="21" t="s">
        <v>22</v>
      </c>
      <c r="D26" s="7"/>
      <c r="E26" s="8">
        <v>-11</v>
      </c>
      <c r="F26" s="9">
        <v>-12</v>
      </c>
      <c r="G26" s="9">
        <v>77</v>
      </c>
      <c r="H26" s="9">
        <v>89</v>
      </c>
      <c r="I26" s="9">
        <v>1</v>
      </c>
      <c r="J26" s="9">
        <v>512</v>
      </c>
      <c r="K26" s="9">
        <v>511</v>
      </c>
      <c r="L26" s="25">
        <v>-8.493618204140253E-3</v>
      </c>
      <c r="M26" s="10">
        <v>99.6</v>
      </c>
      <c r="N26" s="23">
        <v>1.4</v>
      </c>
      <c r="O26" s="3"/>
    </row>
    <row r="27" spans="2:15" ht="18.95" customHeight="1">
      <c r="B27" s="100"/>
      <c r="C27" s="105" t="s">
        <v>23</v>
      </c>
      <c r="D27" s="106"/>
      <c r="E27" s="107">
        <v>-9</v>
      </c>
      <c r="F27" s="108">
        <v>-17</v>
      </c>
      <c r="G27" s="108">
        <v>22</v>
      </c>
      <c r="H27" s="108">
        <v>39</v>
      </c>
      <c r="I27" s="108">
        <v>8</v>
      </c>
      <c r="J27" s="108">
        <v>103</v>
      </c>
      <c r="K27" s="108">
        <v>95</v>
      </c>
      <c r="L27" s="109">
        <v>-2.1231422505307858E-2</v>
      </c>
      <c r="M27" s="110">
        <v>96.9</v>
      </c>
      <c r="N27" s="111">
        <v>0.5</v>
      </c>
      <c r="O27" s="3"/>
    </row>
    <row r="28" spans="2:15" ht="18.95" customHeight="1">
      <c r="B28" s="6"/>
      <c r="C28" s="21" t="s">
        <v>24</v>
      </c>
      <c r="D28" s="7"/>
      <c r="E28" s="8">
        <v>63</v>
      </c>
      <c r="F28" s="9">
        <v>-24</v>
      </c>
      <c r="G28" s="9">
        <v>31</v>
      </c>
      <c r="H28" s="9">
        <v>55</v>
      </c>
      <c r="I28" s="9">
        <v>87</v>
      </c>
      <c r="J28" s="9">
        <v>354</v>
      </c>
      <c r="K28" s="9">
        <v>267</v>
      </c>
      <c r="L28" s="25">
        <v>7.4964302712993813E-2</v>
      </c>
      <c r="M28" s="10">
        <v>103.5</v>
      </c>
      <c r="N28" s="23">
        <v>0.9</v>
      </c>
      <c r="O28" s="3"/>
    </row>
    <row r="29" spans="2:15" ht="18.95" customHeight="1">
      <c r="B29" s="100"/>
      <c r="C29" s="105" t="s">
        <v>31</v>
      </c>
      <c r="D29" s="106"/>
      <c r="E29" s="107">
        <v>-2</v>
      </c>
      <c r="F29" s="108">
        <v>-18</v>
      </c>
      <c r="G29" s="108">
        <v>11</v>
      </c>
      <c r="H29" s="108">
        <v>29</v>
      </c>
      <c r="I29" s="108">
        <v>16</v>
      </c>
      <c r="J29" s="108">
        <v>118</v>
      </c>
      <c r="K29" s="108">
        <v>102</v>
      </c>
      <c r="L29" s="109">
        <v>-6.2717551506789176E-3</v>
      </c>
      <c r="M29" s="110">
        <v>89.4</v>
      </c>
      <c r="N29" s="111">
        <v>0.3</v>
      </c>
      <c r="O29" s="3"/>
    </row>
    <row r="30" spans="2:15" ht="18.95" customHeight="1">
      <c r="B30" s="6"/>
      <c r="C30" s="21" t="s">
        <v>32</v>
      </c>
      <c r="D30" s="7"/>
      <c r="E30" s="8">
        <v>32</v>
      </c>
      <c r="F30" s="9">
        <v>-3</v>
      </c>
      <c r="G30" s="9">
        <v>32</v>
      </c>
      <c r="H30" s="9">
        <v>35</v>
      </c>
      <c r="I30" s="9">
        <v>35</v>
      </c>
      <c r="J30" s="9">
        <v>189</v>
      </c>
      <c r="K30" s="9">
        <v>154</v>
      </c>
      <c r="L30" s="25">
        <v>6.6443803077178634E-2</v>
      </c>
      <c r="M30" s="10">
        <v>102.8</v>
      </c>
      <c r="N30" s="23">
        <v>0.5</v>
      </c>
      <c r="O30" s="3"/>
    </row>
    <row r="31" spans="2:15" ht="18.95" customHeight="1">
      <c r="B31" s="100"/>
      <c r="C31" s="105" t="s">
        <v>33</v>
      </c>
      <c r="D31" s="106"/>
      <c r="E31" s="107">
        <v>-10</v>
      </c>
      <c r="F31" s="108">
        <v>-24</v>
      </c>
      <c r="G31" s="108">
        <v>14</v>
      </c>
      <c r="H31" s="108">
        <v>38</v>
      </c>
      <c r="I31" s="108">
        <v>14</v>
      </c>
      <c r="J31" s="108">
        <v>104</v>
      </c>
      <c r="K31" s="108">
        <v>90</v>
      </c>
      <c r="L31" s="109">
        <v>-3.1729914963827897E-2</v>
      </c>
      <c r="M31" s="110">
        <v>95.5</v>
      </c>
      <c r="N31" s="111">
        <v>0.3</v>
      </c>
      <c r="O31" s="3"/>
    </row>
    <row r="32" spans="2:15" ht="18.95" customHeight="1">
      <c r="B32" s="6"/>
      <c r="C32" s="21" t="s">
        <v>34</v>
      </c>
      <c r="D32" s="7"/>
      <c r="E32" s="8">
        <v>-3</v>
      </c>
      <c r="F32" s="9">
        <v>-11</v>
      </c>
      <c r="G32" s="9">
        <v>16</v>
      </c>
      <c r="H32" s="9">
        <v>27</v>
      </c>
      <c r="I32" s="9">
        <v>8</v>
      </c>
      <c r="J32" s="9">
        <v>91</v>
      </c>
      <c r="K32" s="9">
        <v>83</v>
      </c>
      <c r="L32" s="25">
        <v>-1.0747295264025221E-2</v>
      </c>
      <c r="M32" s="10">
        <v>92.7</v>
      </c>
      <c r="N32" s="23">
        <v>0.3</v>
      </c>
      <c r="O32" s="3"/>
    </row>
    <row r="33" spans="1:15" ht="18.95" customHeight="1">
      <c r="B33" s="100"/>
      <c r="C33" s="105" t="s">
        <v>35</v>
      </c>
      <c r="D33" s="106"/>
      <c r="E33" s="107">
        <v>-7</v>
      </c>
      <c r="F33" s="108">
        <v>-7</v>
      </c>
      <c r="G33" s="108">
        <v>5</v>
      </c>
      <c r="H33" s="108">
        <v>12</v>
      </c>
      <c r="I33" s="108">
        <v>0</v>
      </c>
      <c r="J33" s="108">
        <v>22</v>
      </c>
      <c r="K33" s="108">
        <v>22</v>
      </c>
      <c r="L33" s="109">
        <v>-7.3925440912451151E-2</v>
      </c>
      <c r="M33" s="110">
        <v>100.8</v>
      </c>
      <c r="N33" s="111">
        <v>0.1</v>
      </c>
      <c r="O33" s="3"/>
    </row>
    <row r="34" spans="1:15" ht="18.95" customHeight="1">
      <c r="B34" s="6"/>
      <c r="C34" s="21" t="s">
        <v>36</v>
      </c>
      <c r="D34" s="7"/>
      <c r="E34" s="8">
        <v>-17</v>
      </c>
      <c r="F34" s="9">
        <v>-4</v>
      </c>
      <c r="G34" s="9">
        <v>5</v>
      </c>
      <c r="H34" s="9">
        <v>9</v>
      </c>
      <c r="I34" s="9">
        <v>-13</v>
      </c>
      <c r="J34" s="9">
        <v>51</v>
      </c>
      <c r="K34" s="9">
        <v>64</v>
      </c>
      <c r="L34" s="25">
        <v>-0.10009420631182289</v>
      </c>
      <c r="M34" s="10">
        <v>98.8</v>
      </c>
      <c r="N34" s="23">
        <v>0.2</v>
      </c>
      <c r="O34" s="3"/>
    </row>
    <row r="35" spans="1:15" ht="18.95" customHeight="1">
      <c r="B35" s="100"/>
      <c r="C35" s="105" t="s">
        <v>37</v>
      </c>
      <c r="D35" s="106"/>
      <c r="E35" s="107">
        <v>-39</v>
      </c>
      <c r="F35" s="108">
        <v>-11</v>
      </c>
      <c r="G35" s="108">
        <v>5</v>
      </c>
      <c r="H35" s="108">
        <v>16</v>
      </c>
      <c r="I35" s="108">
        <v>-28</v>
      </c>
      <c r="J35" s="108">
        <v>115</v>
      </c>
      <c r="K35" s="108">
        <v>143</v>
      </c>
      <c r="L35" s="109">
        <v>-0.35512657075213988</v>
      </c>
      <c r="M35" s="110">
        <v>98.1</v>
      </c>
      <c r="N35" s="111">
        <v>0.1</v>
      </c>
      <c r="O35" s="3"/>
    </row>
    <row r="36" spans="1:15" ht="18.95" customHeight="1">
      <c r="B36" s="6"/>
      <c r="C36" s="21" t="s">
        <v>38</v>
      </c>
      <c r="D36" s="7"/>
      <c r="E36" s="8">
        <v>-2</v>
      </c>
      <c r="F36" s="9">
        <v>-5</v>
      </c>
      <c r="G36" s="9">
        <v>6</v>
      </c>
      <c r="H36" s="9">
        <v>11</v>
      </c>
      <c r="I36" s="9">
        <v>3</v>
      </c>
      <c r="J36" s="9">
        <v>24</v>
      </c>
      <c r="K36" s="9">
        <v>21</v>
      </c>
      <c r="L36" s="25">
        <v>-2.0084354288009639E-2</v>
      </c>
      <c r="M36" s="10">
        <v>96.2</v>
      </c>
      <c r="N36" s="23">
        <v>0.1</v>
      </c>
      <c r="O36" s="3"/>
    </row>
    <row r="37" spans="1:15" ht="18.95" customHeight="1">
      <c r="B37" s="100"/>
      <c r="C37" s="105" t="s">
        <v>39</v>
      </c>
      <c r="D37" s="106"/>
      <c r="E37" s="107">
        <v>2</v>
      </c>
      <c r="F37" s="108">
        <v>-3</v>
      </c>
      <c r="G37" s="108">
        <v>7</v>
      </c>
      <c r="H37" s="108">
        <v>10</v>
      </c>
      <c r="I37" s="108">
        <v>5</v>
      </c>
      <c r="J37" s="108">
        <v>50</v>
      </c>
      <c r="K37" s="108">
        <v>45</v>
      </c>
      <c r="L37" s="109">
        <v>1.1327594019030359E-2</v>
      </c>
      <c r="M37" s="110">
        <v>94.9</v>
      </c>
      <c r="N37" s="111">
        <v>0.2</v>
      </c>
      <c r="O37" s="3"/>
    </row>
    <row r="38" spans="1:15" ht="18.95" customHeight="1">
      <c r="B38" s="6"/>
      <c r="C38" s="21" t="s">
        <v>40</v>
      </c>
      <c r="D38" s="7"/>
      <c r="E38" s="8">
        <v>0</v>
      </c>
      <c r="F38" s="9">
        <v>-7</v>
      </c>
      <c r="G38" s="9">
        <v>5</v>
      </c>
      <c r="H38" s="9">
        <v>12</v>
      </c>
      <c r="I38" s="9">
        <v>7</v>
      </c>
      <c r="J38" s="9">
        <v>129</v>
      </c>
      <c r="K38" s="9">
        <v>122</v>
      </c>
      <c r="L38" s="25">
        <v>0</v>
      </c>
      <c r="M38" s="10">
        <v>91.4</v>
      </c>
      <c r="N38" s="23">
        <v>0.1</v>
      </c>
      <c r="O38" s="3"/>
    </row>
    <row r="39" spans="1:15" ht="18.95" customHeight="1">
      <c r="B39" s="100"/>
      <c r="C39" s="105" t="s">
        <v>41</v>
      </c>
      <c r="D39" s="106"/>
      <c r="E39" s="107">
        <v>-21</v>
      </c>
      <c r="F39" s="108">
        <v>-3</v>
      </c>
      <c r="G39" s="108">
        <v>2</v>
      </c>
      <c r="H39" s="108">
        <v>5</v>
      </c>
      <c r="I39" s="108">
        <v>-18</v>
      </c>
      <c r="J39" s="108">
        <v>11</v>
      </c>
      <c r="K39" s="108">
        <v>29</v>
      </c>
      <c r="L39" s="109">
        <v>-0.30073034512387226</v>
      </c>
      <c r="M39" s="110">
        <v>88</v>
      </c>
      <c r="N39" s="111">
        <v>0.1</v>
      </c>
      <c r="O39" s="3"/>
    </row>
    <row r="40" spans="1:15" ht="18.95" customHeight="1">
      <c r="B40" s="6"/>
      <c r="C40" s="21" t="s">
        <v>42</v>
      </c>
      <c r="D40" s="7"/>
      <c r="E40" s="8">
        <v>-28</v>
      </c>
      <c r="F40" s="9">
        <v>-21</v>
      </c>
      <c r="G40" s="9">
        <v>9</v>
      </c>
      <c r="H40" s="9">
        <v>30</v>
      </c>
      <c r="I40" s="9">
        <v>-7</v>
      </c>
      <c r="J40" s="9">
        <v>89</v>
      </c>
      <c r="K40" s="9">
        <v>96</v>
      </c>
      <c r="L40" s="25">
        <v>-0.11544011544011544</v>
      </c>
      <c r="M40" s="10">
        <v>86.8</v>
      </c>
      <c r="N40" s="23">
        <v>0.3</v>
      </c>
      <c r="O40" s="3"/>
    </row>
    <row r="41" spans="1:15" ht="18.95" customHeight="1">
      <c r="B41" s="100"/>
      <c r="C41" s="105" t="s">
        <v>43</v>
      </c>
      <c r="D41" s="106"/>
      <c r="E41" s="107">
        <v>-33</v>
      </c>
      <c r="F41" s="108">
        <v>-27</v>
      </c>
      <c r="G41" s="108">
        <v>14</v>
      </c>
      <c r="H41" s="108">
        <v>41</v>
      </c>
      <c r="I41" s="108">
        <v>-6</v>
      </c>
      <c r="J41" s="108">
        <v>111</v>
      </c>
      <c r="K41" s="108">
        <v>117</v>
      </c>
      <c r="L41" s="109">
        <v>-8.2906240578836291E-2</v>
      </c>
      <c r="M41" s="110">
        <v>108.8</v>
      </c>
      <c r="N41" s="111">
        <v>0.4</v>
      </c>
      <c r="O41" s="3"/>
    </row>
    <row r="42" spans="1:15" ht="18.95" customHeight="1" thickBot="1">
      <c r="A42" s="14"/>
      <c r="B42" s="6"/>
      <c r="C42" s="21" t="s">
        <v>44</v>
      </c>
      <c r="D42" s="7"/>
      <c r="E42" s="11">
        <v>-5</v>
      </c>
      <c r="F42" s="12">
        <v>0</v>
      </c>
      <c r="G42" s="12">
        <v>4</v>
      </c>
      <c r="H42" s="12">
        <v>4</v>
      </c>
      <c r="I42" s="12">
        <v>-5</v>
      </c>
      <c r="J42" s="12">
        <v>3</v>
      </c>
      <c r="K42" s="12">
        <v>8</v>
      </c>
      <c r="L42" s="26">
        <v>-0.15822784810126583</v>
      </c>
      <c r="M42" s="13">
        <v>104.2</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53</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72</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55</v>
      </c>
      <c r="G3" s="91"/>
      <c r="H3" s="91"/>
      <c r="I3" s="161" t="s">
        <v>73</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791</v>
      </c>
      <c r="F6" s="18">
        <v>-724</v>
      </c>
      <c r="G6" s="18">
        <v>6046</v>
      </c>
      <c r="H6" s="18">
        <v>6770</v>
      </c>
      <c r="I6" s="18">
        <v>-67</v>
      </c>
      <c r="J6" s="18">
        <v>36962</v>
      </c>
      <c r="K6" s="18">
        <v>37029</v>
      </c>
      <c r="L6" s="27">
        <v>-8.6161288049167919E-3</v>
      </c>
      <c r="M6" s="19">
        <v>99.5</v>
      </c>
      <c r="N6" s="22">
        <v>100</v>
      </c>
      <c r="O6" s="3"/>
    </row>
    <row r="7" spans="2:15" ht="18.95" customHeight="1">
      <c r="B7" s="100"/>
      <c r="C7" s="105" t="s">
        <v>4</v>
      </c>
      <c r="D7" s="106"/>
      <c r="E7" s="107">
        <v>-651</v>
      </c>
      <c r="F7" s="108">
        <v>-580</v>
      </c>
      <c r="G7" s="108">
        <v>5907</v>
      </c>
      <c r="H7" s="108">
        <v>6487</v>
      </c>
      <c r="I7" s="108">
        <v>-71</v>
      </c>
      <c r="J7" s="108">
        <v>35840</v>
      </c>
      <c r="K7" s="108">
        <v>35911</v>
      </c>
      <c r="L7" s="109">
        <v>-7.322462344996632E-3</v>
      </c>
      <c r="M7" s="110">
        <v>99.6</v>
      </c>
      <c r="N7" s="111">
        <v>96.8</v>
      </c>
      <c r="O7" s="3"/>
    </row>
    <row r="8" spans="2:15" ht="18.95" customHeight="1">
      <c r="B8" s="100"/>
      <c r="C8" s="105" t="s">
        <v>5</v>
      </c>
      <c r="D8" s="106"/>
      <c r="E8" s="107">
        <v>-140</v>
      </c>
      <c r="F8" s="108">
        <v>-144</v>
      </c>
      <c r="G8" s="108">
        <v>139</v>
      </c>
      <c r="H8" s="108">
        <v>283</v>
      </c>
      <c r="I8" s="108">
        <v>4</v>
      </c>
      <c r="J8" s="108">
        <v>1122</v>
      </c>
      <c r="K8" s="108">
        <v>1118</v>
      </c>
      <c r="L8" s="109">
        <v>-4.8275029740866532E-2</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250</v>
      </c>
      <c r="F10" s="9">
        <v>-204</v>
      </c>
      <c r="G10" s="9">
        <v>2559</v>
      </c>
      <c r="H10" s="9">
        <v>2763</v>
      </c>
      <c r="I10" s="9">
        <v>-46</v>
      </c>
      <c r="J10" s="9">
        <v>16192</v>
      </c>
      <c r="K10" s="9">
        <v>16238</v>
      </c>
      <c r="L10" s="25">
        <v>-6.6833893980591972E-3</v>
      </c>
      <c r="M10" s="10">
        <v>98.8</v>
      </c>
      <c r="N10" s="23">
        <v>40.700000000000003</v>
      </c>
      <c r="O10" s="3"/>
    </row>
    <row r="11" spans="2:15" ht="18.95" customHeight="1">
      <c r="B11" s="100"/>
      <c r="C11" s="105" t="s">
        <v>7</v>
      </c>
      <c r="D11" s="106"/>
      <c r="E11" s="107">
        <v>288</v>
      </c>
      <c r="F11" s="108">
        <v>210</v>
      </c>
      <c r="G11" s="108">
        <v>1192</v>
      </c>
      <c r="H11" s="108">
        <v>982</v>
      </c>
      <c r="I11" s="108">
        <v>78</v>
      </c>
      <c r="J11" s="108">
        <v>7478</v>
      </c>
      <c r="K11" s="108">
        <v>7400</v>
      </c>
      <c r="L11" s="109">
        <v>1.8996709875386861E-2</v>
      </c>
      <c r="M11" s="110">
        <v>102.6</v>
      </c>
      <c r="N11" s="111">
        <v>16.5</v>
      </c>
      <c r="O11" s="3"/>
    </row>
    <row r="12" spans="2:15" ht="18.95" customHeight="1">
      <c r="B12" s="6"/>
      <c r="C12" s="21" t="s">
        <v>15</v>
      </c>
      <c r="D12" s="7"/>
      <c r="E12" s="8">
        <v>-271</v>
      </c>
      <c r="F12" s="9">
        <v>-75</v>
      </c>
      <c r="G12" s="9">
        <v>438</v>
      </c>
      <c r="H12" s="9">
        <v>513</v>
      </c>
      <c r="I12" s="9">
        <v>-196</v>
      </c>
      <c r="J12" s="9">
        <v>2534</v>
      </c>
      <c r="K12" s="9">
        <v>2730</v>
      </c>
      <c r="L12" s="25">
        <v>-3.7474936043697712E-2</v>
      </c>
      <c r="M12" s="10">
        <v>100.1</v>
      </c>
      <c r="N12" s="23">
        <v>7.9</v>
      </c>
      <c r="O12" s="3"/>
    </row>
    <row r="13" spans="2:15" ht="18.95" customHeight="1">
      <c r="B13" s="100"/>
      <c r="C13" s="105" t="s">
        <v>8</v>
      </c>
      <c r="D13" s="106"/>
      <c r="E13" s="107">
        <v>-401</v>
      </c>
      <c r="F13" s="108">
        <v>-166</v>
      </c>
      <c r="G13" s="108">
        <v>199</v>
      </c>
      <c r="H13" s="108">
        <v>365</v>
      </c>
      <c r="I13" s="108">
        <v>-235</v>
      </c>
      <c r="J13" s="108">
        <v>1228</v>
      </c>
      <c r="K13" s="108">
        <v>1463</v>
      </c>
      <c r="L13" s="109">
        <v>-0.10066827668964548</v>
      </c>
      <c r="M13" s="110">
        <v>99.6</v>
      </c>
      <c r="N13" s="111">
        <v>4.3</v>
      </c>
      <c r="O13" s="3"/>
    </row>
    <row r="14" spans="2:15" ht="18.95" customHeight="1">
      <c r="B14" s="6"/>
      <c r="C14" s="21" t="s">
        <v>9</v>
      </c>
      <c r="D14" s="7"/>
      <c r="E14" s="8">
        <v>-63</v>
      </c>
      <c r="F14" s="9">
        <v>-68</v>
      </c>
      <c r="G14" s="9">
        <v>131</v>
      </c>
      <c r="H14" s="9">
        <v>199</v>
      </c>
      <c r="I14" s="9">
        <v>5</v>
      </c>
      <c r="J14" s="9">
        <v>670</v>
      </c>
      <c r="K14" s="9">
        <v>665</v>
      </c>
      <c r="L14" s="25">
        <v>-2.4415103260385138E-2</v>
      </c>
      <c r="M14" s="10">
        <v>100.5</v>
      </c>
      <c r="N14" s="23">
        <v>2.8</v>
      </c>
      <c r="O14" s="3"/>
    </row>
    <row r="15" spans="2:15" ht="18.95" customHeight="1">
      <c r="B15" s="100"/>
      <c r="C15" s="105" t="s">
        <v>10</v>
      </c>
      <c r="D15" s="106"/>
      <c r="E15" s="107">
        <v>31</v>
      </c>
      <c r="F15" s="108">
        <v>-53</v>
      </c>
      <c r="G15" s="108">
        <v>88</v>
      </c>
      <c r="H15" s="108">
        <v>141</v>
      </c>
      <c r="I15" s="108">
        <v>84</v>
      </c>
      <c r="J15" s="108">
        <v>563</v>
      </c>
      <c r="K15" s="108">
        <v>479</v>
      </c>
      <c r="L15" s="109">
        <v>1.7988011860482659E-2</v>
      </c>
      <c r="M15" s="110">
        <v>88.8</v>
      </c>
      <c r="N15" s="111">
        <v>1.9</v>
      </c>
      <c r="O15" s="3"/>
    </row>
    <row r="16" spans="2:15" ht="18.95" customHeight="1">
      <c r="B16" s="6"/>
      <c r="C16" s="21" t="s">
        <v>11</v>
      </c>
      <c r="D16" s="7"/>
      <c r="E16" s="8">
        <v>177</v>
      </c>
      <c r="F16" s="9">
        <v>36</v>
      </c>
      <c r="G16" s="9">
        <v>300</v>
      </c>
      <c r="H16" s="9">
        <v>264</v>
      </c>
      <c r="I16" s="9">
        <v>141</v>
      </c>
      <c r="J16" s="9">
        <v>1463</v>
      </c>
      <c r="K16" s="9">
        <v>1322</v>
      </c>
      <c r="L16" s="25">
        <v>4.1095222506251354E-2</v>
      </c>
      <c r="M16" s="10">
        <v>97.7</v>
      </c>
      <c r="N16" s="23">
        <v>4.7</v>
      </c>
      <c r="O16" s="3"/>
    </row>
    <row r="17" spans="2:15" ht="18.95" customHeight="1">
      <c r="B17" s="100"/>
      <c r="C17" s="105" t="s">
        <v>12</v>
      </c>
      <c r="D17" s="106"/>
      <c r="E17" s="107">
        <v>-139</v>
      </c>
      <c r="F17" s="108">
        <v>-68</v>
      </c>
      <c r="G17" s="108">
        <v>98</v>
      </c>
      <c r="H17" s="108">
        <v>166</v>
      </c>
      <c r="I17" s="108">
        <v>-71</v>
      </c>
      <c r="J17" s="108">
        <v>450</v>
      </c>
      <c r="K17" s="108">
        <v>521</v>
      </c>
      <c r="L17" s="109">
        <v>-7.2651247876649686E-2</v>
      </c>
      <c r="M17" s="110">
        <v>94.9</v>
      </c>
      <c r="N17" s="111">
        <v>2.1</v>
      </c>
      <c r="O17" s="3"/>
    </row>
    <row r="18" spans="2:15" ht="18.95" customHeight="1">
      <c r="B18" s="6"/>
      <c r="C18" s="21" t="s">
        <v>13</v>
      </c>
      <c r="D18" s="7"/>
      <c r="E18" s="8">
        <v>0</v>
      </c>
      <c r="F18" s="9">
        <v>-28</v>
      </c>
      <c r="G18" s="9">
        <v>160</v>
      </c>
      <c r="H18" s="9">
        <v>188</v>
      </c>
      <c r="I18" s="9">
        <v>28</v>
      </c>
      <c r="J18" s="9">
        <v>728</v>
      </c>
      <c r="K18" s="9">
        <v>700</v>
      </c>
      <c r="L18" s="25">
        <v>0</v>
      </c>
      <c r="M18" s="10">
        <v>95</v>
      </c>
      <c r="N18" s="23">
        <v>2.6</v>
      </c>
      <c r="O18" s="3"/>
    </row>
    <row r="19" spans="2:15" ht="18.95" customHeight="1">
      <c r="B19" s="100"/>
      <c r="C19" s="105" t="s">
        <v>14</v>
      </c>
      <c r="D19" s="106"/>
      <c r="E19" s="107">
        <v>-10</v>
      </c>
      <c r="F19" s="108">
        <v>-9</v>
      </c>
      <c r="G19" s="108">
        <v>28</v>
      </c>
      <c r="H19" s="108">
        <v>37</v>
      </c>
      <c r="I19" s="108">
        <v>-1</v>
      </c>
      <c r="J19" s="108">
        <v>206</v>
      </c>
      <c r="K19" s="108">
        <v>207</v>
      </c>
      <c r="L19" s="109">
        <v>-1.748588015177744E-2</v>
      </c>
      <c r="M19" s="110">
        <v>87.7</v>
      </c>
      <c r="N19" s="111">
        <v>0.6</v>
      </c>
      <c r="O19" s="3"/>
    </row>
    <row r="20" spans="2:15" ht="18.95" customHeight="1">
      <c r="B20" s="6"/>
      <c r="C20" s="21" t="s">
        <v>16</v>
      </c>
      <c r="D20" s="7"/>
      <c r="E20" s="8">
        <v>-67</v>
      </c>
      <c r="F20" s="9">
        <v>-32</v>
      </c>
      <c r="G20" s="9">
        <v>18</v>
      </c>
      <c r="H20" s="9">
        <v>50</v>
      </c>
      <c r="I20" s="9">
        <v>-35</v>
      </c>
      <c r="J20" s="9">
        <v>67</v>
      </c>
      <c r="K20" s="9">
        <v>102</v>
      </c>
      <c r="L20" s="25">
        <v>-0.15477730548881907</v>
      </c>
      <c r="M20" s="10">
        <v>92.2</v>
      </c>
      <c r="N20" s="23">
        <v>0.5</v>
      </c>
      <c r="O20" s="3"/>
    </row>
    <row r="21" spans="2:15" ht="18.95" customHeight="1">
      <c r="B21" s="100"/>
      <c r="C21" s="105" t="s">
        <v>17</v>
      </c>
      <c r="D21" s="106"/>
      <c r="E21" s="107">
        <v>-83</v>
      </c>
      <c r="F21" s="108">
        <v>-44</v>
      </c>
      <c r="G21" s="108">
        <v>76</v>
      </c>
      <c r="H21" s="108">
        <v>120</v>
      </c>
      <c r="I21" s="108">
        <v>-39</v>
      </c>
      <c r="J21" s="108">
        <v>407</v>
      </c>
      <c r="K21" s="108">
        <v>446</v>
      </c>
      <c r="L21" s="109">
        <v>-5.0144694630892758E-2</v>
      </c>
      <c r="M21" s="110">
        <v>104.8</v>
      </c>
      <c r="N21" s="111">
        <v>1.8</v>
      </c>
      <c r="O21" s="3"/>
    </row>
    <row r="22" spans="2:15" ht="18.95" customHeight="1">
      <c r="B22" s="6"/>
      <c r="C22" s="21" t="s">
        <v>18</v>
      </c>
      <c r="D22" s="7"/>
      <c r="E22" s="8">
        <v>-21</v>
      </c>
      <c r="F22" s="9">
        <v>-5</v>
      </c>
      <c r="G22" s="9">
        <v>144</v>
      </c>
      <c r="H22" s="9">
        <v>149</v>
      </c>
      <c r="I22" s="9">
        <v>-16</v>
      </c>
      <c r="J22" s="9">
        <v>827</v>
      </c>
      <c r="K22" s="9">
        <v>843</v>
      </c>
      <c r="L22" s="25">
        <v>-9.3183825062899076E-3</v>
      </c>
      <c r="M22" s="10">
        <v>107.2</v>
      </c>
      <c r="N22" s="23">
        <v>2.5</v>
      </c>
      <c r="O22" s="3"/>
    </row>
    <row r="23" spans="2:15" ht="18.95" customHeight="1">
      <c r="B23" s="100"/>
      <c r="C23" s="105" t="s">
        <v>19</v>
      </c>
      <c r="D23" s="106"/>
      <c r="E23" s="107">
        <v>150</v>
      </c>
      <c r="F23" s="108">
        <v>-13</v>
      </c>
      <c r="G23" s="108">
        <v>168</v>
      </c>
      <c r="H23" s="108">
        <v>181</v>
      </c>
      <c r="I23" s="108">
        <v>163</v>
      </c>
      <c r="J23" s="108">
        <v>1091</v>
      </c>
      <c r="K23" s="108">
        <v>928</v>
      </c>
      <c r="L23" s="109">
        <v>6.3637250701070375E-2</v>
      </c>
      <c r="M23" s="110">
        <v>99.8</v>
      </c>
      <c r="N23" s="111">
        <v>2.6</v>
      </c>
      <c r="O23" s="3"/>
    </row>
    <row r="24" spans="2:15" ht="18.95" customHeight="1">
      <c r="B24" s="6"/>
      <c r="C24" s="21" t="s">
        <v>20</v>
      </c>
      <c r="D24" s="7"/>
      <c r="E24" s="8">
        <v>1</v>
      </c>
      <c r="F24" s="9">
        <v>-31</v>
      </c>
      <c r="G24" s="9">
        <v>50</v>
      </c>
      <c r="H24" s="9">
        <v>81</v>
      </c>
      <c r="I24" s="9">
        <v>32</v>
      </c>
      <c r="J24" s="9">
        <v>419</v>
      </c>
      <c r="K24" s="9">
        <v>387</v>
      </c>
      <c r="L24" s="25">
        <v>9.7603826069981941E-4</v>
      </c>
      <c r="M24" s="10">
        <v>102.9</v>
      </c>
      <c r="N24" s="23">
        <v>1.1000000000000001</v>
      </c>
      <c r="O24" s="3"/>
    </row>
    <row r="25" spans="2:15" ht="18.95" customHeight="1">
      <c r="B25" s="100"/>
      <c r="C25" s="105" t="s">
        <v>21</v>
      </c>
      <c r="D25" s="106"/>
      <c r="E25" s="107">
        <v>3</v>
      </c>
      <c r="F25" s="108">
        <v>6</v>
      </c>
      <c r="G25" s="108">
        <v>98</v>
      </c>
      <c r="H25" s="108">
        <v>92</v>
      </c>
      <c r="I25" s="108">
        <v>-3</v>
      </c>
      <c r="J25" s="108">
        <v>491</v>
      </c>
      <c r="K25" s="108">
        <v>494</v>
      </c>
      <c r="L25" s="109">
        <v>2.2662204730357536E-3</v>
      </c>
      <c r="M25" s="110">
        <v>101.4</v>
      </c>
      <c r="N25" s="111">
        <v>1.4</v>
      </c>
      <c r="O25" s="3"/>
    </row>
    <row r="26" spans="2:15" ht="18.95" customHeight="1">
      <c r="B26" s="6"/>
      <c r="C26" s="21" t="s">
        <v>22</v>
      </c>
      <c r="D26" s="7"/>
      <c r="E26" s="8">
        <v>-48</v>
      </c>
      <c r="F26" s="9">
        <v>-6</v>
      </c>
      <c r="G26" s="9">
        <v>86</v>
      </c>
      <c r="H26" s="9">
        <v>92</v>
      </c>
      <c r="I26" s="9">
        <v>-42</v>
      </c>
      <c r="J26" s="9">
        <v>488</v>
      </c>
      <c r="K26" s="9">
        <v>530</v>
      </c>
      <c r="L26" s="25">
        <v>-3.7066209516749292E-2</v>
      </c>
      <c r="M26" s="10">
        <v>99.6</v>
      </c>
      <c r="N26" s="23">
        <v>1.4</v>
      </c>
      <c r="O26" s="3"/>
    </row>
    <row r="27" spans="2:15" ht="18.95" customHeight="1">
      <c r="B27" s="100"/>
      <c r="C27" s="105" t="s">
        <v>23</v>
      </c>
      <c r="D27" s="106"/>
      <c r="E27" s="107">
        <v>-49</v>
      </c>
      <c r="F27" s="108">
        <v>-16</v>
      </c>
      <c r="G27" s="108">
        <v>24</v>
      </c>
      <c r="H27" s="108">
        <v>40</v>
      </c>
      <c r="I27" s="108">
        <v>-33</v>
      </c>
      <c r="J27" s="108">
        <v>94</v>
      </c>
      <c r="K27" s="108">
        <v>127</v>
      </c>
      <c r="L27" s="109">
        <v>-0.11561784762039594</v>
      </c>
      <c r="M27" s="110">
        <v>96.9</v>
      </c>
      <c r="N27" s="111">
        <v>0.5</v>
      </c>
      <c r="O27" s="3"/>
    </row>
    <row r="28" spans="2:15" ht="18.95" customHeight="1">
      <c r="B28" s="6"/>
      <c r="C28" s="21" t="s">
        <v>24</v>
      </c>
      <c r="D28" s="7"/>
      <c r="E28" s="8">
        <v>101</v>
      </c>
      <c r="F28" s="9">
        <v>-14</v>
      </c>
      <c r="G28" s="9">
        <v>50</v>
      </c>
      <c r="H28" s="9">
        <v>64</v>
      </c>
      <c r="I28" s="9">
        <v>115</v>
      </c>
      <c r="J28" s="9">
        <v>444</v>
      </c>
      <c r="K28" s="9">
        <v>329</v>
      </c>
      <c r="L28" s="25">
        <v>0.12009084099259243</v>
      </c>
      <c r="M28" s="10">
        <v>103.6</v>
      </c>
      <c r="N28" s="23">
        <v>0.9</v>
      </c>
      <c r="O28" s="3"/>
    </row>
    <row r="29" spans="2:15" ht="18.95" customHeight="1">
      <c r="B29" s="100"/>
      <c r="C29" s="105" t="s">
        <v>31</v>
      </c>
      <c r="D29" s="106"/>
      <c r="E29" s="107">
        <v>-59</v>
      </c>
      <c r="F29" s="108">
        <v>-19</v>
      </c>
      <c r="G29" s="108">
        <v>13</v>
      </c>
      <c r="H29" s="108">
        <v>32</v>
      </c>
      <c r="I29" s="108">
        <v>-40</v>
      </c>
      <c r="J29" s="108">
        <v>99</v>
      </c>
      <c r="K29" s="108">
        <v>139</v>
      </c>
      <c r="L29" s="109">
        <v>-0.18502838147207326</v>
      </c>
      <c r="M29" s="110">
        <v>89.6</v>
      </c>
      <c r="N29" s="111">
        <v>0.3</v>
      </c>
      <c r="O29" s="3"/>
    </row>
    <row r="30" spans="2:15" ht="18.95" customHeight="1">
      <c r="B30" s="6"/>
      <c r="C30" s="21" t="s">
        <v>32</v>
      </c>
      <c r="D30" s="7"/>
      <c r="E30" s="8">
        <v>20</v>
      </c>
      <c r="F30" s="9">
        <v>-4</v>
      </c>
      <c r="G30" s="9">
        <v>27</v>
      </c>
      <c r="H30" s="9">
        <v>31</v>
      </c>
      <c r="I30" s="9">
        <v>24</v>
      </c>
      <c r="J30" s="9">
        <v>161</v>
      </c>
      <c r="K30" s="9">
        <v>137</v>
      </c>
      <c r="L30" s="25">
        <v>4.149980287593634E-2</v>
      </c>
      <c r="M30" s="10">
        <v>102.7</v>
      </c>
      <c r="N30" s="23">
        <v>0.5</v>
      </c>
      <c r="O30" s="3"/>
    </row>
    <row r="31" spans="2:15" ht="18.95" customHeight="1">
      <c r="B31" s="100"/>
      <c r="C31" s="105" t="s">
        <v>33</v>
      </c>
      <c r="D31" s="106"/>
      <c r="E31" s="107">
        <v>-39</v>
      </c>
      <c r="F31" s="108">
        <v>-22</v>
      </c>
      <c r="G31" s="108">
        <v>8</v>
      </c>
      <c r="H31" s="108">
        <v>30</v>
      </c>
      <c r="I31" s="108">
        <v>-17</v>
      </c>
      <c r="J31" s="108">
        <v>83</v>
      </c>
      <c r="K31" s="108">
        <v>100</v>
      </c>
      <c r="L31" s="109">
        <v>-0.12378594553418396</v>
      </c>
      <c r="M31" s="110">
        <v>95.4</v>
      </c>
      <c r="N31" s="111">
        <v>0.3</v>
      </c>
      <c r="O31" s="3"/>
    </row>
    <row r="32" spans="2:15" ht="18.95" customHeight="1">
      <c r="B32" s="6"/>
      <c r="C32" s="21" t="s">
        <v>34</v>
      </c>
      <c r="D32" s="7"/>
      <c r="E32" s="8">
        <v>18</v>
      </c>
      <c r="F32" s="9">
        <v>-9</v>
      </c>
      <c r="G32" s="9">
        <v>15</v>
      </c>
      <c r="H32" s="9">
        <v>24</v>
      </c>
      <c r="I32" s="9">
        <v>27</v>
      </c>
      <c r="J32" s="9">
        <v>105</v>
      </c>
      <c r="K32" s="9">
        <v>78</v>
      </c>
      <c r="L32" s="25">
        <v>6.4490702590376564E-2</v>
      </c>
      <c r="M32" s="10">
        <v>92.8</v>
      </c>
      <c r="N32" s="23">
        <v>0.3</v>
      </c>
      <c r="O32" s="3"/>
    </row>
    <row r="33" spans="1:15" ht="18.95" customHeight="1">
      <c r="B33" s="100"/>
      <c r="C33" s="105" t="s">
        <v>35</v>
      </c>
      <c r="D33" s="106"/>
      <c r="E33" s="107">
        <v>-12</v>
      </c>
      <c r="F33" s="108">
        <v>-7</v>
      </c>
      <c r="G33" s="108">
        <v>3</v>
      </c>
      <c r="H33" s="108">
        <v>10</v>
      </c>
      <c r="I33" s="108">
        <v>-5</v>
      </c>
      <c r="J33" s="108">
        <v>18</v>
      </c>
      <c r="K33" s="108">
        <v>23</v>
      </c>
      <c r="L33" s="109">
        <v>-0.12682308180088775</v>
      </c>
      <c r="M33" s="110">
        <v>100.8</v>
      </c>
      <c r="N33" s="111">
        <v>0.1</v>
      </c>
      <c r="O33" s="3"/>
    </row>
    <row r="34" spans="1:15" ht="18.95" customHeight="1">
      <c r="B34" s="6"/>
      <c r="C34" s="21" t="s">
        <v>36</v>
      </c>
      <c r="D34" s="7"/>
      <c r="E34" s="8">
        <v>14</v>
      </c>
      <c r="F34" s="9">
        <v>-4</v>
      </c>
      <c r="G34" s="9">
        <v>7</v>
      </c>
      <c r="H34" s="9">
        <v>11</v>
      </c>
      <c r="I34" s="9">
        <v>18</v>
      </c>
      <c r="J34" s="9">
        <v>68</v>
      </c>
      <c r="K34" s="9">
        <v>50</v>
      </c>
      <c r="L34" s="25">
        <v>8.2513113691283085E-2</v>
      </c>
      <c r="M34" s="10">
        <v>98.8</v>
      </c>
      <c r="N34" s="23">
        <v>0.2</v>
      </c>
      <c r="O34" s="3"/>
    </row>
    <row r="35" spans="1:15" ht="18.95" customHeight="1">
      <c r="B35" s="100"/>
      <c r="C35" s="105" t="s">
        <v>37</v>
      </c>
      <c r="D35" s="106"/>
      <c r="E35" s="107">
        <v>-22</v>
      </c>
      <c r="F35" s="108">
        <v>5</v>
      </c>
      <c r="G35" s="108">
        <v>11</v>
      </c>
      <c r="H35" s="108">
        <v>6</v>
      </c>
      <c r="I35" s="108">
        <v>-27</v>
      </c>
      <c r="J35" s="108">
        <v>110</v>
      </c>
      <c r="K35" s="108">
        <v>137</v>
      </c>
      <c r="L35" s="109">
        <v>-0.20104176185689482</v>
      </c>
      <c r="M35" s="110">
        <v>98.2</v>
      </c>
      <c r="N35" s="111">
        <v>0.1</v>
      </c>
      <c r="O35" s="3"/>
    </row>
    <row r="36" spans="1:15" ht="18.95" customHeight="1">
      <c r="B36" s="6"/>
      <c r="C36" s="21" t="s">
        <v>38</v>
      </c>
      <c r="D36" s="7"/>
      <c r="E36" s="8">
        <v>-23</v>
      </c>
      <c r="F36" s="9">
        <v>-10</v>
      </c>
      <c r="G36" s="9">
        <v>2</v>
      </c>
      <c r="H36" s="9">
        <v>12</v>
      </c>
      <c r="I36" s="9">
        <v>-13</v>
      </c>
      <c r="J36" s="9">
        <v>16</v>
      </c>
      <c r="K36" s="9">
        <v>29</v>
      </c>
      <c r="L36" s="25">
        <v>-0.23101647247890719</v>
      </c>
      <c r="M36" s="10">
        <v>96.2</v>
      </c>
      <c r="N36" s="23">
        <v>0.1</v>
      </c>
      <c r="O36" s="3"/>
    </row>
    <row r="37" spans="1:15" ht="18.95" customHeight="1">
      <c r="B37" s="100"/>
      <c r="C37" s="105" t="s">
        <v>39</v>
      </c>
      <c r="D37" s="106"/>
      <c r="E37" s="107">
        <v>31</v>
      </c>
      <c r="F37" s="108">
        <v>4</v>
      </c>
      <c r="G37" s="108">
        <v>15</v>
      </c>
      <c r="H37" s="108">
        <v>11</v>
      </c>
      <c r="I37" s="108">
        <v>27</v>
      </c>
      <c r="J37" s="108">
        <v>66</v>
      </c>
      <c r="K37" s="108">
        <v>39</v>
      </c>
      <c r="L37" s="109">
        <v>0.17555782081775964</v>
      </c>
      <c r="M37" s="110">
        <v>94.8</v>
      </c>
      <c r="N37" s="111">
        <v>0.2</v>
      </c>
      <c r="O37" s="3"/>
    </row>
    <row r="38" spans="1:15" ht="18.95" customHeight="1">
      <c r="B38" s="6"/>
      <c r="C38" s="21" t="s">
        <v>40</v>
      </c>
      <c r="D38" s="7"/>
      <c r="E38" s="8">
        <v>-23</v>
      </c>
      <c r="F38" s="9">
        <v>-8</v>
      </c>
      <c r="G38" s="9">
        <v>4</v>
      </c>
      <c r="H38" s="9">
        <v>12</v>
      </c>
      <c r="I38" s="9">
        <v>-15</v>
      </c>
      <c r="J38" s="9">
        <v>86</v>
      </c>
      <c r="K38" s="9">
        <v>101</v>
      </c>
      <c r="L38" s="25">
        <v>-0.20163057771543791</v>
      </c>
      <c r="M38" s="10">
        <v>91.1</v>
      </c>
      <c r="N38" s="23">
        <v>0.1</v>
      </c>
      <c r="O38" s="3"/>
    </row>
    <row r="39" spans="1:15" ht="18.95" customHeight="1">
      <c r="B39" s="100"/>
      <c r="C39" s="105" t="s">
        <v>41</v>
      </c>
      <c r="D39" s="106"/>
      <c r="E39" s="107">
        <v>-4</v>
      </c>
      <c r="F39" s="108">
        <v>-9</v>
      </c>
      <c r="G39" s="108">
        <v>3</v>
      </c>
      <c r="H39" s="108">
        <v>12</v>
      </c>
      <c r="I39" s="108">
        <v>5</v>
      </c>
      <c r="J39" s="108">
        <v>15</v>
      </c>
      <c r="K39" s="108">
        <v>10</v>
      </c>
      <c r="L39" s="109">
        <v>-5.7454754380925024E-2</v>
      </c>
      <c r="M39" s="110">
        <v>87.9</v>
      </c>
      <c r="N39" s="111">
        <v>0.1</v>
      </c>
      <c r="O39" s="3"/>
    </row>
    <row r="40" spans="1:15" ht="18.95" customHeight="1">
      <c r="B40" s="6"/>
      <c r="C40" s="21" t="s">
        <v>42</v>
      </c>
      <c r="D40" s="7"/>
      <c r="E40" s="8">
        <v>-40</v>
      </c>
      <c r="F40" s="9">
        <v>-45</v>
      </c>
      <c r="G40" s="9">
        <v>12</v>
      </c>
      <c r="H40" s="9">
        <v>57</v>
      </c>
      <c r="I40" s="9">
        <v>5</v>
      </c>
      <c r="J40" s="9">
        <v>124</v>
      </c>
      <c r="K40" s="9">
        <v>119</v>
      </c>
      <c r="L40" s="25">
        <v>-0.16510504808684526</v>
      </c>
      <c r="M40" s="10">
        <v>86.8</v>
      </c>
      <c r="N40" s="23">
        <v>0.3</v>
      </c>
      <c r="O40" s="3"/>
    </row>
    <row r="41" spans="1:15" ht="18.95" customHeight="1">
      <c r="B41" s="100"/>
      <c r="C41" s="105" t="s">
        <v>43</v>
      </c>
      <c r="D41" s="106"/>
      <c r="E41" s="107">
        <v>8</v>
      </c>
      <c r="F41" s="108">
        <v>-14</v>
      </c>
      <c r="G41" s="108">
        <v>18</v>
      </c>
      <c r="H41" s="108">
        <v>32</v>
      </c>
      <c r="I41" s="108">
        <v>22</v>
      </c>
      <c r="J41" s="108">
        <v>161</v>
      </c>
      <c r="K41" s="108">
        <v>139</v>
      </c>
      <c r="L41" s="109">
        <v>2.0115159286917605E-2</v>
      </c>
      <c r="M41" s="110">
        <v>108.8</v>
      </c>
      <c r="N41" s="111">
        <v>0.4</v>
      </c>
      <c r="O41" s="3"/>
    </row>
    <row r="42" spans="1:15" ht="18.95" customHeight="1" thickBot="1">
      <c r="A42" s="14"/>
      <c r="B42" s="6"/>
      <c r="C42" s="21" t="s">
        <v>44</v>
      </c>
      <c r="D42" s="7"/>
      <c r="E42" s="11">
        <v>-9</v>
      </c>
      <c r="F42" s="12">
        <v>-2</v>
      </c>
      <c r="G42" s="12">
        <v>1</v>
      </c>
      <c r="H42" s="12">
        <v>3</v>
      </c>
      <c r="I42" s="12">
        <v>-7</v>
      </c>
      <c r="J42" s="12">
        <v>10</v>
      </c>
      <c r="K42" s="12">
        <v>17</v>
      </c>
      <c r="L42" s="26">
        <v>-0.28526148969889065</v>
      </c>
      <c r="M42" s="13">
        <v>104.2</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74</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5"/>
  <sheetViews>
    <sheetView view="pageBreakPreview" zoomScale="75" zoomScaleNormal="70" zoomScaleSheetLayoutView="75" workbookViewId="0"/>
  </sheetViews>
  <sheetFormatPr defaultColWidth="12.125" defaultRowHeight="13.5"/>
  <cols>
    <col min="1" max="1" width="12.125" style="1"/>
    <col min="2" max="2" width="1.625" style="1" customWidth="1"/>
    <col min="3" max="3" width="10.625" style="5" customWidth="1"/>
    <col min="4" max="4" width="1.625" style="5" customWidth="1"/>
    <col min="5" max="12" width="10.625" style="5" customWidth="1"/>
    <col min="13" max="13" width="11.125" style="5" customWidth="1"/>
    <col min="14" max="14" width="11.75" style="1" customWidth="1"/>
    <col min="15" max="16384" width="12.125" style="1"/>
  </cols>
  <sheetData>
    <row r="1" spans="2:15" s="4" customFormat="1" ht="27.75" customHeight="1">
      <c r="B1" s="82"/>
      <c r="C1" s="83"/>
      <c r="D1" s="83"/>
      <c r="E1" s="156" t="s">
        <v>75</v>
      </c>
      <c r="F1" s="156"/>
      <c r="G1" s="156"/>
      <c r="H1" s="156"/>
      <c r="I1" s="156"/>
      <c r="J1" s="156"/>
      <c r="K1" s="156"/>
      <c r="L1" s="156"/>
      <c r="M1" s="156"/>
      <c r="N1" s="82"/>
    </row>
    <row r="2" spans="2:15" ht="11.25" customHeight="1" thickBot="1">
      <c r="C2" s="84"/>
      <c r="D2" s="84"/>
      <c r="E2" s="85"/>
      <c r="F2" s="86"/>
      <c r="G2" s="85"/>
      <c r="H2" s="85"/>
      <c r="I2" s="85"/>
      <c r="J2" s="86"/>
      <c r="K2" s="87"/>
      <c r="L2" s="86"/>
      <c r="M2" s="86"/>
      <c r="N2" s="88"/>
    </row>
    <row r="3" spans="2:15" ht="18" customHeight="1">
      <c r="B3" s="89"/>
      <c r="C3" s="157" t="s">
        <v>25</v>
      </c>
      <c r="D3" s="90"/>
      <c r="E3" s="159" t="s">
        <v>47</v>
      </c>
      <c r="F3" s="161" t="s">
        <v>76</v>
      </c>
      <c r="G3" s="91"/>
      <c r="H3" s="91"/>
      <c r="I3" s="161" t="s">
        <v>77</v>
      </c>
      <c r="J3" s="91"/>
      <c r="K3" s="91"/>
      <c r="L3" s="92" t="s">
        <v>50</v>
      </c>
      <c r="M3" s="93" t="s">
        <v>45</v>
      </c>
      <c r="N3" s="94" t="s">
        <v>0</v>
      </c>
      <c r="O3" s="2"/>
    </row>
    <row r="4" spans="2:15" ht="18" customHeight="1" thickBot="1">
      <c r="B4" s="95"/>
      <c r="C4" s="158"/>
      <c r="D4" s="96"/>
      <c r="E4" s="160"/>
      <c r="F4" s="162"/>
      <c r="G4" s="97" t="s">
        <v>26</v>
      </c>
      <c r="H4" s="97" t="s">
        <v>27</v>
      </c>
      <c r="I4" s="162"/>
      <c r="J4" s="97" t="s">
        <v>28</v>
      </c>
      <c r="K4" s="97" t="s">
        <v>29</v>
      </c>
      <c r="L4" s="97" t="s">
        <v>51</v>
      </c>
      <c r="M4" s="98" t="s">
        <v>46</v>
      </c>
      <c r="N4" s="99" t="s">
        <v>1</v>
      </c>
      <c r="O4" s="2"/>
    </row>
    <row r="5" spans="2:15" ht="18" customHeight="1">
      <c r="B5" s="100"/>
      <c r="C5" s="101"/>
      <c r="D5" s="101"/>
      <c r="E5" s="102" t="s">
        <v>3</v>
      </c>
      <c r="F5" s="103" t="s">
        <v>3</v>
      </c>
      <c r="G5" s="103" t="s">
        <v>3</v>
      </c>
      <c r="H5" s="103" t="s">
        <v>3</v>
      </c>
      <c r="I5" s="103" t="s">
        <v>3</v>
      </c>
      <c r="J5" s="103" t="s">
        <v>3</v>
      </c>
      <c r="K5" s="103" t="s">
        <v>3</v>
      </c>
      <c r="L5" s="103" t="s">
        <v>30</v>
      </c>
      <c r="M5" s="103"/>
      <c r="N5" s="104" t="s">
        <v>30</v>
      </c>
      <c r="O5" s="3"/>
    </row>
    <row r="6" spans="2:15" ht="18.95" customHeight="1">
      <c r="B6" s="15"/>
      <c r="C6" s="20" t="s">
        <v>2</v>
      </c>
      <c r="D6" s="16"/>
      <c r="E6" s="17">
        <v>169</v>
      </c>
      <c r="F6" s="18">
        <v>-641</v>
      </c>
      <c r="G6" s="18">
        <v>5303</v>
      </c>
      <c r="H6" s="18">
        <v>5944</v>
      </c>
      <c r="I6" s="18">
        <v>810</v>
      </c>
      <c r="J6" s="18">
        <v>32938</v>
      </c>
      <c r="K6" s="18">
        <v>32128</v>
      </c>
      <c r="L6" s="27">
        <v>1.8410255885126976E-3</v>
      </c>
      <c r="M6" s="19">
        <v>99.4</v>
      </c>
      <c r="N6" s="22">
        <v>100</v>
      </c>
      <c r="O6" s="3"/>
    </row>
    <row r="7" spans="2:15" ht="18.95" customHeight="1">
      <c r="B7" s="100"/>
      <c r="C7" s="105" t="s">
        <v>4</v>
      </c>
      <c r="D7" s="106"/>
      <c r="E7" s="107">
        <v>71</v>
      </c>
      <c r="F7" s="108">
        <v>-539</v>
      </c>
      <c r="G7" s="108">
        <v>5163</v>
      </c>
      <c r="H7" s="108">
        <v>5702</v>
      </c>
      <c r="I7" s="108">
        <v>610</v>
      </c>
      <c r="J7" s="108">
        <v>31955</v>
      </c>
      <c r="K7" s="108">
        <v>31345</v>
      </c>
      <c r="L7" s="109">
        <v>7.9866804667506051E-4</v>
      </c>
      <c r="M7" s="110">
        <v>99.5</v>
      </c>
      <c r="N7" s="111">
        <v>96.8</v>
      </c>
      <c r="O7" s="3"/>
    </row>
    <row r="8" spans="2:15" ht="18.95" customHeight="1">
      <c r="B8" s="100"/>
      <c r="C8" s="105" t="s">
        <v>5</v>
      </c>
      <c r="D8" s="106"/>
      <c r="E8" s="107">
        <v>98</v>
      </c>
      <c r="F8" s="108">
        <v>-102</v>
      </c>
      <c r="G8" s="108">
        <v>140</v>
      </c>
      <c r="H8" s="108">
        <v>242</v>
      </c>
      <c r="I8" s="108">
        <v>200</v>
      </c>
      <c r="J8" s="108">
        <v>983</v>
      </c>
      <c r="K8" s="108">
        <v>783</v>
      </c>
      <c r="L8" s="109">
        <v>3.3808842047159886E-2</v>
      </c>
      <c r="M8" s="110">
        <v>96.8</v>
      </c>
      <c r="N8" s="111">
        <v>3.2</v>
      </c>
      <c r="O8" s="3"/>
    </row>
    <row r="9" spans="2:15" ht="18.95" customHeight="1">
      <c r="B9" s="100"/>
      <c r="C9" s="112"/>
      <c r="D9" s="106"/>
      <c r="E9" s="113"/>
      <c r="F9" s="114"/>
      <c r="G9" s="114"/>
      <c r="H9" s="114"/>
      <c r="I9" s="114"/>
      <c r="J9" s="114"/>
      <c r="K9" s="114"/>
      <c r="L9" s="115"/>
      <c r="M9" s="116"/>
      <c r="N9" s="117"/>
      <c r="O9" s="3"/>
    </row>
    <row r="10" spans="2:15" ht="18.95" customHeight="1">
      <c r="B10" s="6"/>
      <c r="C10" s="21" t="s">
        <v>6</v>
      </c>
      <c r="D10" s="7"/>
      <c r="E10" s="8">
        <v>-195</v>
      </c>
      <c r="F10" s="9">
        <v>-230</v>
      </c>
      <c r="G10" s="9">
        <v>2138</v>
      </c>
      <c r="H10" s="9">
        <v>2368</v>
      </c>
      <c r="I10" s="9">
        <v>35</v>
      </c>
      <c r="J10" s="9">
        <v>14590</v>
      </c>
      <c r="K10" s="9">
        <v>14555</v>
      </c>
      <c r="L10" s="25">
        <v>-5.2133921617851936E-3</v>
      </c>
      <c r="M10" s="10">
        <v>98.8</v>
      </c>
      <c r="N10" s="23">
        <v>40.700000000000003</v>
      </c>
      <c r="O10" s="3"/>
    </row>
    <row r="11" spans="2:15" ht="18.95" customHeight="1">
      <c r="B11" s="100"/>
      <c r="C11" s="105" t="s">
        <v>7</v>
      </c>
      <c r="D11" s="106"/>
      <c r="E11" s="107">
        <v>143</v>
      </c>
      <c r="F11" s="108">
        <v>253</v>
      </c>
      <c r="G11" s="108">
        <v>1055</v>
      </c>
      <c r="H11" s="108">
        <v>802</v>
      </c>
      <c r="I11" s="108">
        <v>-110</v>
      </c>
      <c r="J11" s="108">
        <v>6600</v>
      </c>
      <c r="K11" s="108">
        <v>6710</v>
      </c>
      <c r="L11" s="109">
        <v>9.4306026352928771E-3</v>
      </c>
      <c r="M11" s="110">
        <v>102.6</v>
      </c>
      <c r="N11" s="111">
        <v>16.5</v>
      </c>
      <c r="O11" s="3"/>
    </row>
    <row r="12" spans="2:15" ht="18.95" customHeight="1">
      <c r="B12" s="6"/>
      <c r="C12" s="21" t="s">
        <v>15</v>
      </c>
      <c r="D12" s="7"/>
      <c r="E12" s="8">
        <v>133</v>
      </c>
      <c r="F12" s="9">
        <v>-44</v>
      </c>
      <c r="G12" s="9">
        <v>405</v>
      </c>
      <c r="H12" s="9">
        <v>449</v>
      </c>
      <c r="I12" s="9">
        <v>177</v>
      </c>
      <c r="J12" s="9">
        <v>2381</v>
      </c>
      <c r="K12" s="9">
        <v>2204</v>
      </c>
      <c r="L12" s="25">
        <v>1.8398653163254154E-2</v>
      </c>
      <c r="M12" s="10">
        <v>100.1</v>
      </c>
      <c r="N12" s="23">
        <v>7.9</v>
      </c>
      <c r="O12" s="3"/>
    </row>
    <row r="13" spans="2:15" ht="18.95" customHeight="1">
      <c r="B13" s="100"/>
      <c r="C13" s="105" t="s">
        <v>8</v>
      </c>
      <c r="D13" s="106"/>
      <c r="E13" s="107">
        <v>-319</v>
      </c>
      <c r="F13" s="108">
        <v>-169</v>
      </c>
      <c r="G13" s="108">
        <v>176</v>
      </c>
      <c r="H13" s="108">
        <v>345</v>
      </c>
      <c r="I13" s="108">
        <v>-150</v>
      </c>
      <c r="J13" s="108">
        <v>686</v>
      </c>
      <c r="K13" s="108">
        <v>836</v>
      </c>
      <c r="L13" s="109">
        <v>-8.0163442957050982E-2</v>
      </c>
      <c r="M13" s="110">
        <v>99.6</v>
      </c>
      <c r="N13" s="111">
        <v>4.3</v>
      </c>
      <c r="O13" s="3"/>
    </row>
    <row r="14" spans="2:15" ht="18.95" customHeight="1">
      <c r="B14" s="6"/>
      <c r="C14" s="21" t="s">
        <v>9</v>
      </c>
      <c r="D14" s="7"/>
      <c r="E14" s="8">
        <v>30</v>
      </c>
      <c r="F14" s="9">
        <v>-60</v>
      </c>
      <c r="G14" s="9">
        <v>127</v>
      </c>
      <c r="H14" s="9">
        <v>187</v>
      </c>
      <c r="I14" s="9">
        <v>90</v>
      </c>
      <c r="J14" s="9">
        <v>693</v>
      </c>
      <c r="K14" s="9">
        <v>603</v>
      </c>
      <c r="L14" s="25">
        <v>1.1629078899423974E-2</v>
      </c>
      <c r="M14" s="10">
        <v>100.5</v>
      </c>
      <c r="N14" s="23">
        <v>2.8</v>
      </c>
      <c r="O14" s="3"/>
    </row>
    <row r="15" spans="2:15" ht="18.95" customHeight="1">
      <c r="B15" s="100"/>
      <c r="C15" s="105" t="s">
        <v>10</v>
      </c>
      <c r="D15" s="106"/>
      <c r="E15" s="107">
        <v>-62</v>
      </c>
      <c r="F15" s="108">
        <v>-73</v>
      </c>
      <c r="G15" s="108">
        <v>80</v>
      </c>
      <c r="H15" s="108">
        <v>153</v>
      </c>
      <c r="I15" s="108">
        <v>11</v>
      </c>
      <c r="J15" s="108">
        <v>445</v>
      </c>
      <c r="K15" s="108">
        <v>434</v>
      </c>
      <c r="L15" s="109">
        <v>-3.5969553513413161E-2</v>
      </c>
      <c r="M15" s="110">
        <v>88.8</v>
      </c>
      <c r="N15" s="111">
        <v>1.9</v>
      </c>
      <c r="O15" s="3"/>
    </row>
    <row r="16" spans="2:15" ht="18.95" customHeight="1">
      <c r="B16" s="6"/>
      <c r="C16" s="21" t="s">
        <v>11</v>
      </c>
      <c r="D16" s="7"/>
      <c r="E16" s="8">
        <v>402</v>
      </c>
      <c r="F16" s="9">
        <v>10</v>
      </c>
      <c r="G16" s="9">
        <v>282</v>
      </c>
      <c r="H16" s="9">
        <v>272</v>
      </c>
      <c r="I16" s="9">
        <v>392</v>
      </c>
      <c r="J16" s="9">
        <v>1572</v>
      </c>
      <c r="K16" s="9">
        <v>1180</v>
      </c>
      <c r="L16" s="25">
        <v>9.3296571699111597E-2</v>
      </c>
      <c r="M16" s="10">
        <v>97.8</v>
      </c>
      <c r="N16" s="23">
        <v>4.7</v>
      </c>
      <c r="O16" s="3"/>
    </row>
    <row r="17" spans="2:15" ht="18.95" customHeight="1">
      <c r="B17" s="100"/>
      <c r="C17" s="105" t="s">
        <v>12</v>
      </c>
      <c r="D17" s="106"/>
      <c r="E17" s="107">
        <v>-5</v>
      </c>
      <c r="F17" s="108">
        <v>-61</v>
      </c>
      <c r="G17" s="108">
        <v>100</v>
      </c>
      <c r="H17" s="108">
        <v>161</v>
      </c>
      <c r="I17" s="108">
        <v>56</v>
      </c>
      <c r="J17" s="108">
        <v>538</v>
      </c>
      <c r="K17" s="108">
        <v>482</v>
      </c>
      <c r="L17" s="109">
        <v>-2.6152542550186729E-3</v>
      </c>
      <c r="M17" s="110">
        <v>94.8</v>
      </c>
      <c r="N17" s="111">
        <v>2.1</v>
      </c>
      <c r="O17" s="3"/>
    </row>
    <row r="18" spans="2:15" ht="18.95" customHeight="1">
      <c r="B18" s="6"/>
      <c r="C18" s="21" t="s">
        <v>13</v>
      </c>
      <c r="D18" s="7"/>
      <c r="E18" s="8">
        <v>0</v>
      </c>
      <c r="F18" s="9">
        <v>-22</v>
      </c>
      <c r="G18" s="9">
        <v>140</v>
      </c>
      <c r="H18" s="9">
        <v>162</v>
      </c>
      <c r="I18" s="9">
        <v>22</v>
      </c>
      <c r="J18" s="9">
        <v>610</v>
      </c>
      <c r="K18" s="9">
        <v>588</v>
      </c>
      <c r="L18" s="25">
        <v>0</v>
      </c>
      <c r="M18" s="10">
        <v>95</v>
      </c>
      <c r="N18" s="23">
        <v>2.6</v>
      </c>
      <c r="O18" s="3"/>
    </row>
    <row r="19" spans="2:15" ht="18.95" customHeight="1">
      <c r="B19" s="100"/>
      <c r="C19" s="105" t="s">
        <v>14</v>
      </c>
      <c r="D19" s="106"/>
      <c r="E19" s="107">
        <v>-54</v>
      </c>
      <c r="F19" s="108">
        <v>-23</v>
      </c>
      <c r="G19" s="108">
        <v>28</v>
      </c>
      <c r="H19" s="108">
        <v>51</v>
      </c>
      <c r="I19" s="108">
        <v>-31</v>
      </c>
      <c r="J19" s="108">
        <v>136</v>
      </c>
      <c r="K19" s="108">
        <v>167</v>
      </c>
      <c r="L19" s="109">
        <v>-9.4440266531418876E-2</v>
      </c>
      <c r="M19" s="110">
        <v>87.7</v>
      </c>
      <c r="N19" s="111">
        <v>0.6</v>
      </c>
      <c r="O19" s="3"/>
    </row>
    <row r="20" spans="2:15" ht="18.95" customHeight="1">
      <c r="B20" s="6"/>
      <c r="C20" s="21" t="s">
        <v>16</v>
      </c>
      <c r="D20" s="7"/>
      <c r="E20" s="8">
        <v>-58</v>
      </c>
      <c r="F20" s="9">
        <v>-24</v>
      </c>
      <c r="G20" s="9">
        <v>16</v>
      </c>
      <c r="H20" s="9">
        <v>40</v>
      </c>
      <c r="I20" s="9">
        <v>-34</v>
      </c>
      <c r="J20" s="9">
        <v>67</v>
      </c>
      <c r="K20" s="9">
        <v>101</v>
      </c>
      <c r="L20" s="25">
        <v>-0.13419402605215056</v>
      </c>
      <c r="M20" s="10">
        <v>92.3</v>
      </c>
      <c r="N20" s="23">
        <v>0.5</v>
      </c>
      <c r="O20" s="3"/>
    </row>
    <row r="21" spans="2:15" ht="18.95" customHeight="1">
      <c r="B21" s="100"/>
      <c r="C21" s="105" t="s">
        <v>17</v>
      </c>
      <c r="D21" s="106"/>
      <c r="E21" s="107">
        <v>-45</v>
      </c>
      <c r="F21" s="108">
        <v>-38</v>
      </c>
      <c r="G21" s="108">
        <v>79</v>
      </c>
      <c r="H21" s="108">
        <v>117</v>
      </c>
      <c r="I21" s="108">
        <v>-7</v>
      </c>
      <c r="J21" s="108">
        <v>368</v>
      </c>
      <c r="K21" s="108">
        <v>375</v>
      </c>
      <c r="L21" s="109">
        <v>-2.7200522250027202E-2</v>
      </c>
      <c r="M21" s="110">
        <v>104.8</v>
      </c>
      <c r="N21" s="111">
        <v>1.8</v>
      </c>
      <c r="O21" s="3"/>
    </row>
    <row r="22" spans="2:15" ht="18.95" customHeight="1">
      <c r="B22" s="6"/>
      <c r="C22" s="21" t="s">
        <v>18</v>
      </c>
      <c r="D22" s="7"/>
      <c r="E22" s="8">
        <v>-136</v>
      </c>
      <c r="F22" s="9">
        <v>-32</v>
      </c>
      <c r="G22" s="9">
        <v>104</v>
      </c>
      <c r="H22" s="9">
        <v>136</v>
      </c>
      <c r="I22" s="9">
        <v>-104</v>
      </c>
      <c r="J22" s="9">
        <v>680</v>
      </c>
      <c r="K22" s="9">
        <v>784</v>
      </c>
      <c r="L22" s="25">
        <v>-6.0353243986864299E-2</v>
      </c>
      <c r="M22" s="10">
        <v>107.1</v>
      </c>
      <c r="N22" s="23">
        <v>2.5</v>
      </c>
      <c r="O22" s="3"/>
    </row>
    <row r="23" spans="2:15" ht="18.95" customHeight="1">
      <c r="B23" s="100"/>
      <c r="C23" s="105" t="s">
        <v>19</v>
      </c>
      <c r="D23" s="106"/>
      <c r="E23" s="107">
        <v>-15</v>
      </c>
      <c r="F23" s="108">
        <v>-12</v>
      </c>
      <c r="G23" s="108">
        <v>136</v>
      </c>
      <c r="H23" s="108">
        <v>148</v>
      </c>
      <c r="I23" s="108">
        <v>-3</v>
      </c>
      <c r="J23" s="108">
        <v>792</v>
      </c>
      <c r="K23" s="108">
        <v>795</v>
      </c>
      <c r="L23" s="109">
        <v>-6.3596779459088194E-3</v>
      </c>
      <c r="M23" s="110">
        <v>99.8</v>
      </c>
      <c r="N23" s="111">
        <v>2.6</v>
      </c>
      <c r="O23" s="3"/>
    </row>
    <row r="24" spans="2:15" ht="18.95" customHeight="1">
      <c r="B24" s="6"/>
      <c r="C24" s="21" t="s">
        <v>20</v>
      </c>
      <c r="D24" s="7"/>
      <c r="E24" s="8">
        <v>14</v>
      </c>
      <c r="F24" s="9">
        <v>-1</v>
      </c>
      <c r="G24" s="9">
        <v>54</v>
      </c>
      <c r="H24" s="9">
        <v>55</v>
      </c>
      <c r="I24" s="9">
        <v>15</v>
      </c>
      <c r="J24" s="9">
        <v>336</v>
      </c>
      <c r="K24" s="9">
        <v>321</v>
      </c>
      <c r="L24" s="25">
        <v>1.3664402280003124E-2</v>
      </c>
      <c r="M24" s="10">
        <v>102.9</v>
      </c>
      <c r="N24" s="23">
        <v>1.1000000000000001</v>
      </c>
      <c r="O24" s="3"/>
    </row>
    <row r="25" spans="2:15" ht="18.95" customHeight="1">
      <c r="B25" s="100"/>
      <c r="C25" s="105" t="s">
        <v>21</v>
      </c>
      <c r="D25" s="106"/>
      <c r="E25" s="107">
        <v>259</v>
      </c>
      <c r="F25" s="108">
        <v>9</v>
      </c>
      <c r="G25" s="108">
        <v>93</v>
      </c>
      <c r="H25" s="108">
        <v>84</v>
      </c>
      <c r="I25" s="108">
        <v>250</v>
      </c>
      <c r="J25" s="108">
        <v>626</v>
      </c>
      <c r="K25" s="108">
        <v>376</v>
      </c>
      <c r="L25" s="109">
        <v>0.19564593373721503</v>
      </c>
      <c r="M25" s="110">
        <v>101.4</v>
      </c>
      <c r="N25" s="111">
        <v>1.4</v>
      </c>
      <c r="O25" s="3"/>
    </row>
    <row r="26" spans="2:15" ht="18.95" customHeight="1">
      <c r="B26" s="6"/>
      <c r="C26" s="21" t="s">
        <v>22</v>
      </c>
      <c r="D26" s="7"/>
      <c r="E26" s="8">
        <v>-25</v>
      </c>
      <c r="F26" s="9">
        <v>-7</v>
      </c>
      <c r="G26" s="9">
        <v>75</v>
      </c>
      <c r="H26" s="9">
        <v>82</v>
      </c>
      <c r="I26" s="9">
        <v>-18</v>
      </c>
      <c r="J26" s="9">
        <v>447</v>
      </c>
      <c r="K26" s="9">
        <v>465</v>
      </c>
      <c r="L26" s="25">
        <v>-1.9312475859405175E-2</v>
      </c>
      <c r="M26" s="10">
        <v>99.6</v>
      </c>
      <c r="N26" s="23">
        <v>1.4</v>
      </c>
      <c r="O26" s="3"/>
    </row>
    <row r="27" spans="2:15" ht="18.95" customHeight="1">
      <c r="B27" s="100"/>
      <c r="C27" s="105" t="s">
        <v>23</v>
      </c>
      <c r="D27" s="106"/>
      <c r="E27" s="107">
        <v>-21</v>
      </c>
      <c r="F27" s="108">
        <v>-16</v>
      </c>
      <c r="G27" s="108">
        <v>16</v>
      </c>
      <c r="H27" s="108">
        <v>32</v>
      </c>
      <c r="I27" s="108">
        <v>-5</v>
      </c>
      <c r="J27" s="108">
        <v>85</v>
      </c>
      <c r="K27" s="108">
        <v>90</v>
      </c>
      <c r="L27" s="109">
        <v>-4.9607861664934333E-2</v>
      </c>
      <c r="M27" s="110">
        <v>96.9</v>
      </c>
      <c r="N27" s="111">
        <v>0.5</v>
      </c>
      <c r="O27" s="3"/>
    </row>
    <row r="28" spans="2:15" ht="18.95" customHeight="1">
      <c r="B28" s="6"/>
      <c r="C28" s="21" t="s">
        <v>24</v>
      </c>
      <c r="D28" s="7"/>
      <c r="E28" s="8">
        <v>25</v>
      </c>
      <c r="F28" s="9">
        <v>1</v>
      </c>
      <c r="G28" s="9">
        <v>59</v>
      </c>
      <c r="H28" s="9">
        <v>58</v>
      </c>
      <c r="I28" s="9">
        <v>24</v>
      </c>
      <c r="J28" s="9">
        <v>303</v>
      </c>
      <c r="K28" s="9">
        <v>279</v>
      </c>
      <c r="L28" s="25">
        <v>2.9689800959574367E-2</v>
      </c>
      <c r="M28" s="10">
        <v>103.6</v>
      </c>
      <c r="N28" s="23">
        <v>0.9</v>
      </c>
      <c r="O28" s="3"/>
    </row>
    <row r="29" spans="2:15" ht="18.95" customHeight="1">
      <c r="B29" s="100"/>
      <c r="C29" s="105" t="s">
        <v>31</v>
      </c>
      <c r="D29" s="106"/>
      <c r="E29" s="107">
        <v>30</v>
      </c>
      <c r="F29" s="108">
        <v>-12</v>
      </c>
      <c r="G29" s="108">
        <v>11</v>
      </c>
      <c r="H29" s="108">
        <v>23</v>
      </c>
      <c r="I29" s="108">
        <v>42</v>
      </c>
      <c r="J29" s="108">
        <v>108</v>
      </c>
      <c r="K29" s="108">
        <v>66</v>
      </c>
      <c r="L29" s="109">
        <v>9.4256629382933263E-2</v>
      </c>
      <c r="M29" s="110">
        <v>89.6</v>
      </c>
      <c r="N29" s="111">
        <v>0.3</v>
      </c>
      <c r="O29" s="3"/>
    </row>
    <row r="30" spans="2:15" ht="18.95" customHeight="1">
      <c r="B30" s="6"/>
      <c r="C30" s="21" t="s">
        <v>32</v>
      </c>
      <c r="D30" s="7"/>
      <c r="E30" s="8">
        <v>19</v>
      </c>
      <c r="F30" s="9">
        <v>-13</v>
      </c>
      <c r="G30" s="9">
        <v>21</v>
      </c>
      <c r="H30" s="9">
        <v>34</v>
      </c>
      <c r="I30" s="9">
        <v>32</v>
      </c>
      <c r="J30" s="9">
        <v>170</v>
      </c>
      <c r="K30" s="9">
        <v>138</v>
      </c>
      <c r="L30" s="25">
        <v>3.9408458299628732E-2</v>
      </c>
      <c r="M30" s="10">
        <v>102.8</v>
      </c>
      <c r="N30" s="23">
        <v>0.5</v>
      </c>
      <c r="O30" s="3"/>
    </row>
    <row r="31" spans="2:15" ht="18.95" customHeight="1">
      <c r="B31" s="100"/>
      <c r="C31" s="105" t="s">
        <v>33</v>
      </c>
      <c r="D31" s="106"/>
      <c r="E31" s="107">
        <v>0</v>
      </c>
      <c r="F31" s="108">
        <v>-17</v>
      </c>
      <c r="G31" s="108">
        <v>13</v>
      </c>
      <c r="H31" s="108">
        <v>30</v>
      </c>
      <c r="I31" s="108">
        <v>17</v>
      </c>
      <c r="J31" s="108">
        <v>85</v>
      </c>
      <c r="K31" s="108">
        <v>68</v>
      </c>
      <c r="L31" s="109">
        <v>0</v>
      </c>
      <c r="M31" s="110">
        <v>95.5</v>
      </c>
      <c r="N31" s="111">
        <v>0.3</v>
      </c>
      <c r="O31" s="3"/>
    </row>
    <row r="32" spans="2:15" ht="18.95" customHeight="1">
      <c r="B32" s="6"/>
      <c r="C32" s="21" t="s">
        <v>34</v>
      </c>
      <c r="D32" s="7"/>
      <c r="E32" s="8">
        <v>-10</v>
      </c>
      <c r="F32" s="9">
        <v>-13</v>
      </c>
      <c r="G32" s="9">
        <v>13</v>
      </c>
      <c r="H32" s="9">
        <v>26</v>
      </c>
      <c r="I32" s="9">
        <v>3</v>
      </c>
      <c r="J32" s="9">
        <v>60</v>
      </c>
      <c r="K32" s="9">
        <v>57</v>
      </c>
      <c r="L32" s="25">
        <v>-3.580507715994128E-2</v>
      </c>
      <c r="M32" s="10">
        <v>93</v>
      </c>
      <c r="N32" s="23">
        <v>0.3</v>
      </c>
      <c r="O32" s="3"/>
    </row>
    <row r="33" spans="1:15" ht="18.95" customHeight="1">
      <c r="B33" s="100"/>
      <c r="C33" s="105" t="s">
        <v>35</v>
      </c>
      <c r="D33" s="106"/>
      <c r="E33" s="107">
        <v>3</v>
      </c>
      <c r="F33" s="108">
        <v>-1</v>
      </c>
      <c r="G33" s="108">
        <v>5</v>
      </c>
      <c r="H33" s="108">
        <v>6</v>
      </c>
      <c r="I33" s="108">
        <v>4</v>
      </c>
      <c r="J33" s="108">
        <v>18</v>
      </c>
      <c r="K33" s="108">
        <v>14</v>
      </c>
      <c r="L33" s="109">
        <v>3.1746031746031744E-2</v>
      </c>
      <c r="M33" s="110">
        <v>100.5</v>
      </c>
      <c r="N33" s="111">
        <v>0.1</v>
      </c>
      <c r="O33" s="3"/>
    </row>
    <row r="34" spans="1:15" ht="18.95" customHeight="1">
      <c r="B34" s="6"/>
      <c r="C34" s="21" t="s">
        <v>36</v>
      </c>
      <c r="D34" s="7"/>
      <c r="E34" s="8">
        <v>-8</v>
      </c>
      <c r="F34" s="9">
        <v>-1</v>
      </c>
      <c r="G34" s="9">
        <v>10</v>
      </c>
      <c r="H34" s="9">
        <v>11</v>
      </c>
      <c r="I34" s="9">
        <v>-7</v>
      </c>
      <c r="J34" s="9">
        <v>45</v>
      </c>
      <c r="K34" s="9">
        <v>52</v>
      </c>
      <c r="L34" s="25">
        <v>-4.7111477533714148E-2</v>
      </c>
      <c r="M34" s="10">
        <v>98.9</v>
      </c>
      <c r="N34" s="23">
        <v>0.2</v>
      </c>
      <c r="O34" s="3"/>
    </row>
    <row r="35" spans="1:15" ht="18.95" customHeight="1">
      <c r="B35" s="100"/>
      <c r="C35" s="105" t="s">
        <v>37</v>
      </c>
      <c r="D35" s="106"/>
      <c r="E35" s="107">
        <v>54</v>
      </c>
      <c r="F35" s="108">
        <v>-2</v>
      </c>
      <c r="G35" s="108">
        <v>8</v>
      </c>
      <c r="H35" s="108">
        <v>10</v>
      </c>
      <c r="I35" s="108">
        <v>56</v>
      </c>
      <c r="J35" s="108">
        <v>122</v>
      </c>
      <c r="K35" s="108">
        <v>66</v>
      </c>
      <c r="L35" s="109">
        <v>0.49446021426609282</v>
      </c>
      <c r="M35" s="110">
        <v>97</v>
      </c>
      <c r="N35" s="111">
        <v>0.1</v>
      </c>
      <c r="O35" s="3"/>
    </row>
    <row r="36" spans="1:15" ht="18.95" customHeight="1">
      <c r="B36" s="6"/>
      <c r="C36" s="21" t="s">
        <v>38</v>
      </c>
      <c r="D36" s="7"/>
      <c r="E36" s="8">
        <v>-10</v>
      </c>
      <c r="F36" s="9">
        <v>-5</v>
      </c>
      <c r="G36" s="9">
        <v>6</v>
      </c>
      <c r="H36" s="9">
        <v>11</v>
      </c>
      <c r="I36" s="9">
        <v>-5</v>
      </c>
      <c r="J36" s="9">
        <v>16</v>
      </c>
      <c r="K36" s="9">
        <v>21</v>
      </c>
      <c r="L36" s="25">
        <v>-0.10067451927917043</v>
      </c>
      <c r="M36" s="10">
        <v>96.4</v>
      </c>
      <c r="N36" s="23">
        <v>0.1</v>
      </c>
      <c r="O36" s="3"/>
    </row>
    <row r="37" spans="1:15" ht="18.95" customHeight="1">
      <c r="B37" s="100"/>
      <c r="C37" s="105" t="s">
        <v>39</v>
      </c>
      <c r="D37" s="106"/>
      <c r="E37" s="107">
        <v>45</v>
      </c>
      <c r="F37" s="108">
        <v>6</v>
      </c>
      <c r="G37" s="108">
        <v>11</v>
      </c>
      <c r="H37" s="108">
        <v>5</v>
      </c>
      <c r="I37" s="108">
        <v>39</v>
      </c>
      <c r="J37" s="108">
        <v>68</v>
      </c>
      <c r="K37" s="108">
        <v>29</v>
      </c>
      <c r="L37" s="109">
        <v>0.25439538696364972</v>
      </c>
      <c r="M37" s="110">
        <v>94.8</v>
      </c>
      <c r="N37" s="111">
        <v>0.2</v>
      </c>
      <c r="O37" s="3"/>
    </row>
    <row r="38" spans="1:15" ht="18.95" customHeight="1">
      <c r="B38" s="6"/>
      <c r="C38" s="21" t="s">
        <v>40</v>
      </c>
      <c r="D38" s="7"/>
      <c r="E38" s="8">
        <v>5</v>
      </c>
      <c r="F38" s="9">
        <v>-9</v>
      </c>
      <c r="G38" s="9">
        <v>2</v>
      </c>
      <c r="H38" s="9">
        <v>11</v>
      </c>
      <c r="I38" s="9">
        <v>14</v>
      </c>
      <c r="J38" s="9">
        <v>97</v>
      </c>
      <c r="K38" s="9">
        <v>83</v>
      </c>
      <c r="L38" s="25">
        <v>4.3921293042867182E-2</v>
      </c>
      <c r="M38" s="10">
        <v>91.2</v>
      </c>
      <c r="N38" s="23">
        <v>0.1</v>
      </c>
      <c r="O38" s="3"/>
    </row>
    <row r="39" spans="1:15" ht="18.95" customHeight="1">
      <c r="B39" s="100"/>
      <c r="C39" s="105" t="s">
        <v>41</v>
      </c>
      <c r="D39" s="106"/>
      <c r="E39" s="107">
        <v>2</v>
      </c>
      <c r="F39" s="108">
        <v>-7</v>
      </c>
      <c r="G39" s="108">
        <v>3</v>
      </c>
      <c r="H39" s="108">
        <v>10</v>
      </c>
      <c r="I39" s="108">
        <v>9</v>
      </c>
      <c r="J39" s="108">
        <v>29</v>
      </c>
      <c r="K39" s="108">
        <v>20</v>
      </c>
      <c r="L39" s="109">
        <v>2.8743891922966367E-2</v>
      </c>
      <c r="M39" s="110">
        <v>88</v>
      </c>
      <c r="N39" s="111">
        <v>0.1</v>
      </c>
      <c r="O39" s="3"/>
    </row>
    <row r="40" spans="1:15" ht="18.95" customHeight="1">
      <c r="B40" s="6"/>
      <c r="C40" s="21" t="s">
        <v>42</v>
      </c>
      <c r="D40" s="7"/>
      <c r="E40" s="8">
        <v>-22</v>
      </c>
      <c r="F40" s="9">
        <v>-17</v>
      </c>
      <c r="G40" s="9">
        <v>14</v>
      </c>
      <c r="H40" s="9">
        <v>31</v>
      </c>
      <c r="I40" s="9">
        <v>-5</v>
      </c>
      <c r="J40" s="9">
        <v>58</v>
      </c>
      <c r="K40" s="9">
        <v>63</v>
      </c>
      <c r="L40" s="25">
        <v>-9.0957952619175594E-2</v>
      </c>
      <c r="M40" s="10">
        <v>86.7</v>
      </c>
      <c r="N40" s="23">
        <v>0.3</v>
      </c>
      <c r="O40" s="3"/>
    </row>
    <row r="41" spans="1:15" ht="18.95" customHeight="1">
      <c r="B41" s="100"/>
      <c r="C41" s="105" t="s">
        <v>43</v>
      </c>
      <c r="D41" s="106"/>
      <c r="E41" s="107">
        <v>-7</v>
      </c>
      <c r="F41" s="108">
        <v>-10</v>
      </c>
      <c r="G41" s="108">
        <v>21</v>
      </c>
      <c r="H41" s="108">
        <v>31</v>
      </c>
      <c r="I41" s="108">
        <v>3</v>
      </c>
      <c r="J41" s="108">
        <v>101</v>
      </c>
      <c r="K41" s="108">
        <v>98</v>
      </c>
      <c r="L41" s="109">
        <v>-1.7597224666281205E-2</v>
      </c>
      <c r="M41" s="110">
        <v>108.8</v>
      </c>
      <c r="N41" s="111">
        <v>0.4</v>
      </c>
      <c r="O41" s="3"/>
    </row>
    <row r="42" spans="1:15" ht="18.95" customHeight="1" thickBot="1">
      <c r="A42" s="14"/>
      <c r="B42" s="6"/>
      <c r="C42" s="21" t="s">
        <v>44</v>
      </c>
      <c r="D42" s="7"/>
      <c r="E42" s="11">
        <v>-3</v>
      </c>
      <c r="F42" s="12">
        <v>-1</v>
      </c>
      <c r="G42" s="12">
        <v>2</v>
      </c>
      <c r="H42" s="12">
        <v>3</v>
      </c>
      <c r="I42" s="12">
        <v>-2</v>
      </c>
      <c r="J42" s="12">
        <v>6</v>
      </c>
      <c r="K42" s="12">
        <v>8</v>
      </c>
      <c r="L42" s="26">
        <v>-9.5359186268277177E-2</v>
      </c>
      <c r="M42" s="13">
        <v>104.2</v>
      </c>
      <c r="N42" s="24">
        <v>0</v>
      </c>
      <c r="O42" s="3"/>
    </row>
    <row r="43" spans="1:15" ht="9.75" customHeight="1">
      <c r="B43" s="118"/>
      <c r="C43" s="119"/>
      <c r="D43" s="120"/>
      <c r="E43" s="121"/>
      <c r="F43" s="121"/>
      <c r="G43" s="121"/>
      <c r="H43" s="121"/>
      <c r="I43" s="121"/>
      <c r="J43" s="121"/>
      <c r="K43" s="121"/>
      <c r="L43" s="122"/>
      <c r="M43" s="123"/>
      <c r="N43" s="124"/>
      <c r="O43" s="3"/>
    </row>
    <row r="44" spans="1:15" ht="19.5" customHeight="1">
      <c r="B44" s="125" t="s">
        <v>78</v>
      </c>
      <c r="C44" s="126"/>
      <c r="D44" s="106"/>
      <c r="E44" s="127"/>
      <c r="F44" s="127"/>
      <c r="G44" s="127"/>
      <c r="H44" s="127"/>
      <c r="I44" s="127"/>
      <c r="J44" s="127"/>
      <c r="K44" s="127"/>
      <c r="L44" s="128"/>
      <c r="M44" s="129"/>
      <c r="N44" s="130"/>
    </row>
    <row r="45" spans="1:15" ht="19.5" customHeight="1">
      <c r="B45" s="125" t="s">
        <v>71</v>
      </c>
      <c r="C45" s="126"/>
      <c r="D45" s="106"/>
      <c r="E45" s="127"/>
      <c r="F45" s="127"/>
      <c r="G45" s="127"/>
    </row>
  </sheetData>
  <mergeCells count="5">
    <mergeCell ref="E1:M1"/>
    <mergeCell ref="C3:C4"/>
    <mergeCell ref="E3:E4"/>
    <mergeCell ref="F3:F4"/>
    <mergeCell ref="I3:I4"/>
  </mergeCells>
  <phoneticPr fontId="8"/>
  <printOptions horizontalCentered="1"/>
  <pageMargins left="0.39370078740157483" right="0.39370078740157483" top="0.86614173228346458" bottom="0.27559055118110237" header="0.19685039370078741" footer="0"/>
  <pageSetup paperSize="9" scale="7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12</vt:i4>
      </vt:variant>
    </vt:vector>
  </HeadingPairs>
  <TitlesOfParts>
    <vt:vector size="24" baseType="lpstr">
      <vt:lpstr>1月中</vt:lpstr>
      <vt:lpstr>2月中</vt:lpstr>
      <vt:lpstr>3月中</vt:lpstr>
      <vt:lpstr>4月中</vt:lpstr>
      <vt:lpstr>5月中</vt:lpstr>
      <vt:lpstr>6月中</vt:lpstr>
      <vt:lpstr>7月中</vt:lpstr>
      <vt:lpstr>8月中</vt:lpstr>
      <vt:lpstr>9月中</vt:lpstr>
      <vt:lpstr>10月中</vt:lpstr>
      <vt:lpstr>11月中</vt:lpstr>
      <vt:lpstr>12月中</vt:lpstr>
      <vt:lpstr>'10月中'!Print_Area</vt:lpstr>
      <vt:lpstr>'11月中'!Print_Area</vt:lpstr>
      <vt:lpstr>'12月中'!Print_Area</vt:lpstr>
      <vt:lpstr>'1月中'!Print_Area</vt:lpstr>
      <vt:lpstr>'2月中'!Print_Area</vt:lpstr>
      <vt:lpstr>'3月中'!Print_Area</vt:lpstr>
      <vt:lpstr>'4月中'!Print_Area</vt:lpstr>
      <vt:lpstr>'5月中'!Print_Area</vt:lpstr>
      <vt:lpstr>'6月中'!Print_Area</vt:lpstr>
      <vt:lpstr>'7月中'!Print_Area</vt:lpstr>
      <vt:lpstr>'8月中'!Print_Area</vt:lpstr>
      <vt:lpstr>'9月中'!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1-06-03T02:35:21Z</dcterms:modified>
</cp:coreProperties>
</file>